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Default Extension="fntdata" ContentType="application/x-fontdata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notesMasters/notesMaster1.xml" ContentType="application/vnd.openxmlformats-officedocument.presentationml.notes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theme/theme2.xml" ContentType="application/vnd.openxmlformats-officedocument.theme+xml"/>
  <Override PartName="/ppt/notesSlides/notesSlide1.xml" ContentType="application/vnd.openxmlformats-officedocument.presentationml.notesSlide+xml"/>
  <Override PartName="/ppt/tags/tag2.xml" ContentType="application/vnd.openxmlformats-officedocument.presentationml.tags+xml"/>
  <Override PartName="/ppt/notesSlides/notesSlide2.xml" ContentType="application/vnd.openxmlformats-officedocument.presentationml.notesSlide+xml"/>
  <Override PartName="/ppt/tags/tag3.xml" ContentType="application/vnd.openxmlformats-officedocument.presentationml.tags+xml"/>
  <Override PartName="/ppt/notesSlides/notesSlide3.xml" ContentType="application/vnd.openxmlformats-officedocument.presentationml.notesSlide+xml"/>
  <Override PartName="/ppt/tags/tag4.xml" ContentType="application/vnd.openxmlformats-officedocument.presentationml.tags+xml"/>
  <Override PartName="/ppt/notesSlides/notesSlide4.xml" ContentType="application/vnd.openxmlformats-officedocument.presentationml.notesSlide+xml"/>
  <Override PartName="/ppt/tags/tag5.xml" ContentType="application/vnd.openxmlformats-officedocument.presentationml.tags+xml"/>
  <Override PartName="/ppt/notesSlides/notesSlide5.xml" ContentType="application/vnd.openxmlformats-officedocument.presentationml.notesSlide+xml"/>
  <Override PartName="/ppt/tags/tag6.xml" ContentType="application/vnd.openxmlformats-officedocument.presentationml.tags+xml"/>
  <Override PartName="/ppt/notesSlides/notesSlide6.xml" ContentType="application/vnd.openxmlformats-officedocument.presentationml.notesSlide+xml"/>
  <Override PartName="/ppt/tags/tag7.xml" ContentType="application/vnd.openxmlformats-officedocument.presentationml.tags+xml"/>
  <Override PartName="/ppt/notesSlides/notesSlide7.xml" ContentType="application/vnd.openxmlformats-officedocument.presentationml.notesSlide+xml"/>
  <Override PartName="/ppt/tags/tag8.xml" ContentType="application/vnd.openxmlformats-officedocument.presentationml.tags+xml"/>
  <Override PartName="/ppt/notesSlides/notesSlide8.xml" ContentType="application/vnd.openxmlformats-officedocument.presentationml.notesSlide+xml"/>
  <Override PartName="/ppt/tags/tag9.xml" ContentType="application/vnd.openxmlformats-officedocument.presentationml.tags+xml"/>
  <Override PartName="/ppt/notesSlides/notesSlide9.xml" ContentType="application/vnd.openxmlformats-officedocument.presentationml.notesSlide+xml"/>
  <Override PartName="/ppt/tags/tag10.xml" ContentType="application/vnd.openxmlformats-officedocument.presentationml.tags+xml"/>
  <Override PartName="/ppt/notesSlides/notesSlide10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embedTrueTypeFonts="1" saveSubsetFonts="1">
  <p:sldMasterIdLst>
    <p:sldMasterId id="2147483672" r:id="rId1"/>
  </p:sldMasterIdLst>
  <p:notesMasterIdLst>
    <p:notesMasterId r:id="rId12"/>
  </p:notesMasterIdLst>
  <p:sldIdLst>
    <p:sldId id="294" r:id="rId2"/>
    <p:sldId id="257" r:id="rId3"/>
    <p:sldId id="289" r:id="rId4"/>
    <p:sldId id="288" r:id="rId5"/>
    <p:sldId id="274" r:id="rId6"/>
    <p:sldId id="295" r:id="rId7"/>
    <p:sldId id="290" r:id="rId8"/>
    <p:sldId id="287" r:id="rId9"/>
    <p:sldId id="270" r:id="rId10"/>
    <p:sldId id="262" r:id="rId11"/>
  </p:sldIdLst>
  <p:sldSz cx="9144000" cy="6858000" type="screen4x3"/>
  <p:notesSz cx="7010400" cy="9296400"/>
  <p:embeddedFontLst>
    <p:embeddedFont>
      <p:font typeface="Arial Unicode MS" panose="020B0604020202020204" charset="-128"/>
      <p:regular r:id="rId13"/>
    </p:embeddedFont>
    <p:embeddedFont>
      <p:font typeface="Arial Narrow" panose="020B0606020202030204" pitchFamily="34" charset="0"/>
      <p:regular r:id="rId14"/>
      <p:bold r:id="rId15"/>
      <p:italic r:id="rId16"/>
      <p:boldItalic r:id="rId17"/>
    </p:embeddedFont>
    <p:embeddedFont>
      <p:font typeface="Calibri" panose="020F0502020204030204" pitchFamily="34" charset="0"/>
      <p:regular r:id="rId18"/>
      <p:bold r:id="rId19"/>
      <p:italic r:id="rId20"/>
      <p:boldItalic r:id="rId21"/>
    </p:embeddedFont>
    <p:embeddedFont>
      <p:font typeface="Cambria Math" panose="02040503050406030204" pitchFamily="18" charset="0"/>
      <p:regular r:id="rId22"/>
    </p:embeddedFont>
    <p:embeddedFont>
      <p:font typeface="Century Gothic" panose="020B0502020202020204" pitchFamily="34" charset="0"/>
      <p:regular r:id="rId23"/>
      <p:bold r:id="rId24"/>
      <p:italic r:id="rId25"/>
      <p:boldItalic r:id="rId26"/>
    </p:embeddedFont>
    <p:embeddedFont>
      <p:font typeface="Gill Sans MT" panose="020B0502020104020203" pitchFamily="34" charset="0"/>
      <p:regular r:id="rId27"/>
      <p:bold r:id="rId28"/>
      <p:italic r:id="rId29"/>
      <p:boldItalic r:id="rId30"/>
    </p:embeddedFont>
    <p:embeddedFont>
      <p:font typeface="Verdana" panose="020B0604030504040204" pitchFamily="34" charset="0"/>
      <p:regular r:id="rId31"/>
      <p:bold r:id="rId32"/>
      <p:italic r:id="rId33"/>
      <p:boldItalic r:id="rId34"/>
    </p:embeddedFont>
  </p:embeddedFontLst>
  <p:custDataLst>
    <p:tags r:id="rId35"/>
  </p:custDataLst>
  <p:defaultTextStyle>
    <a:defPPr>
      <a:defRPr lang="en-US"/>
    </a:defPPr>
    <a:lvl1pPr algn="l" defTabSz="91281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Arial" panose="020B0604020202020204" pitchFamily="34" charset="0"/>
      </a:defRPr>
    </a:lvl1pPr>
    <a:lvl2pPr marL="455613" indent="1588" algn="l" defTabSz="91281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Arial" panose="020B0604020202020204" pitchFamily="34" charset="0"/>
      </a:defRPr>
    </a:lvl2pPr>
    <a:lvl3pPr marL="912813" indent="1588" algn="l" defTabSz="91281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Arial" panose="020B0604020202020204" pitchFamily="34" charset="0"/>
      </a:defRPr>
    </a:lvl3pPr>
    <a:lvl4pPr marL="1370013" indent="1588" algn="l" defTabSz="91281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Arial" panose="020B0604020202020204" pitchFamily="34" charset="0"/>
      </a:defRPr>
    </a:lvl4pPr>
    <a:lvl5pPr marL="1827213" indent="1588" algn="l" defTabSz="912813" rtl="0" fontAlgn="base">
      <a:spcBef>
        <a:spcPct val="0"/>
      </a:spcBef>
      <a:spcAft>
        <a:spcPct val="0"/>
      </a:spcAft>
      <a:defRPr kern="1200">
        <a:solidFill>
          <a:schemeClr val="tx1"/>
        </a:solidFill>
        <a:latin typeface="Calibri" panose="020F0502020204030204" pitchFamily="34" charset="0"/>
        <a:ea typeface="+mn-ea"/>
        <a:cs typeface="Arial" panose="020B0604020202020204" pitchFamily="34" charset="0"/>
      </a:defRPr>
    </a:lvl5pPr>
    <a:lvl6pPr marL="22860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Arial" panose="020B0604020202020204" pitchFamily="34" charset="0"/>
      </a:defRPr>
    </a:lvl6pPr>
    <a:lvl7pPr marL="27432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Arial" panose="020B0604020202020204" pitchFamily="34" charset="0"/>
      </a:defRPr>
    </a:lvl7pPr>
    <a:lvl8pPr marL="32004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Arial" panose="020B0604020202020204" pitchFamily="34" charset="0"/>
      </a:defRPr>
    </a:lvl8pPr>
    <a:lvl9pPr marL="3657600" algn="l" defTabSz="914400" rtl="0" eaLnBrk="1" latinLnBrk="0" hangingPunct="1">
      <a:defRPr kern="1200">
        <a:solidFill>
          <a:schemeClr val="tx1"/>
        </a:solidFill>
        <a:latin typeface="Calibri" panose="020F0502020204030204" pitchFamily="34" charset="0"/>
        <a:ea typeface="+mn-ea"/>
        <a:cs typeface="Arial" panose="020B0604020202020204" pitchFamily="34" charset="0"/>
      </a:defRPr>
    </a:lvl9pPr>
  </p:defaultTextStyle>
  <p:extLst>
    <p:ext uri="{EFAFB233-063F-42B5-8137-9DF3F51BA10A}">
      <p15:sldGuideLst xmlns:p15="http://schemas.microsoft.com/office/powerpoint/2012/main">
        <p15:guide id="1" orient="horz" pos="2102">
          <p15:clr>
            <a:srgbClr val="A4A3A4"/>
          </p15:clr>
        </p15:guide>
        <p15:guide id="2" orient="horz" pos="2909">
          <p15:clr>
            <a:srgbClr val="A4A3A4"/>
          </p15:clr>
        </p15:guide>
        <p15:guide id="3" pos="4262">
          <p15:clr>
            <a:srgbClr val="A4A3A4"/>
          </p15:clr>
        </p15:guide>
        <p15:guide id="4" pos="5645">
          <p15:clr>
            <a:srgbClr val="A4A3A4"/>
          </p15:clr>
        </p15:guide>
      </p15:sldGuide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9800"/>
    <a:srgbClr val="21A8B3"/>
    <a:srgbClr val="FF0000"/>
    <a:srgbClr val="FBCACF"/>
    <a:srgbClr val="5E9028"/>
    <a:srgbClr val="065978"/>
    <a:srgbClr val="08749A"/>
    <a:srgbClr val="FFFFFF"/>
    <a:srgbClr val="E8A102"/>
    <a:srgbClr val="D09E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3009" autoAdjust="0"/>
    <p:restoredTop sz="95482" autoAdjust="0"/>
  </p:normalViewPr>
  <p:slideViewPr>
    <p:cSldViewPr>
      <p:cViewPr varScale="1">
        <p:scale>
          <a:sx n="101" d="100"/>
          <a:sy n="101" d="100"/>
        </p:scale>
        <p:origin x="1986" y="96"/>
      </p:cViewPr>
      <p:guideLst>
        <p:guide orient="horz" pos="2102"/>
        <p:guide orient="horz" pos="2909"/>
        <p:guide pos="4262"/>
        <p:guide pos="5645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66" d="100"/>
        <a:sy n="66" d="100"/>
      </p:scale>
      <p:origin x="0" y="0"/>
    </p:cViewPr>
  </p:notesTextViewPr>
  <p:sorterViewPr>
    <p:cViewPr>
      <p:scale>
        <a:sx n="150" d="100"/>
        <a:sy n="150" d="100"/>
      </p:scale>
      <p:origin x="0" y="0"/>
    </p:cViewPr>
  </p:sorterViewPr>
  <p:gridSpacing cx="91439" cy="91439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font" Target="fonts/font1.fntdata"/><Relationship Id="rId18" Type="http://schemas.openxmlformats.org/officeDocument/2006/relationships/font" Target="fonts/font6.fntdata"/><Relationship Id="rId26" Type="http://schemas.openxmlformats.org/officeDocument/2006/relationships/font" Target="fonts/font14.fntdata"/><Relationship Id="rId39" Type="http://schemas.openxmlformats.org/officeDocument/2006/relationships/tableStyles" Target="tableStyles.xml"/><Relationship Id="rId3" Type="http://schemas.openxmlformats.org/officeDocument/2006/relationships/slide" Target="slides/slide2.xml"/><Relationship Id="rId21" Type="http://schemas.openxmlformats.org/officeDocument/2006/relationships/font" Target="fonts/font9.fntdata"/><Relationship Id="rId34" Type="http://schemas.openxmlformats.org/officeDocument/2006/relationships/font" Target="fonts/font22.fntdata"/><Relationship Id="rId7" Type="http://schemas.openxmlformats.org/officeDocument/2006/relationships/slide" Target="slides/slide6.xml"/><Relationship Id="rId12" Type="http://schemas.openxmlformats.org/officeDocument/2006/relationships/notesMaster" Target="notesMasters/notesMaster1.xml"/><Relationship Id="rId17" Type="http://schemas.openxmlformats.org/officeDocument/2006/relationships/font" Target="fonts/font5.fntdata"/><Relationship Id="rId25" Type="http://schemas.openxmlformats.org/officeDocument/2006/relationships/font" Target="fonts/font13.fntdata"/><Relationship Id="rId33" Type="http://schemas.openxmlformats.org/officeDocument/2006/relationships/font" Target="fonts/font21.fntdata"/><Relationship Id="rId38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font" Target="fonts/font4.fntdata"/><Relationship Id="rId20" Type="http://schemas.openxmlformats.org/officeDocument/2006/relationships/font" Target="fonts/font8.fntdata"/><Relationship Id="rId29" Type="http://schemas.openxmlformats.org/officeDocument/2006/relationships/font" Target="fonts/font17.fntdata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font" Target="fonts/font12.fntdata"/><Relationship Id="rId32" Type="http://schemas.openxmlformats.org/officeDocument/2006/relationships/font" Target="fonts/font20.fntdata"/><Relationship Id="rId37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font" Target="fonts/font3.fntdata"/><Relationship Id="rId23" Type="http://schemas.openxmlformats.org/officeDocument/2006/relationships/font" Target="fonts/font11.fntdata"/><Relationship Id="rId28" Type="http://schemas.openxmlformats.org/officeDocument/2006/relationships/font" Target="fonts/font16.fntdata"/><Relationship Id="rId36" Type="http://schemas.openxmlformats.org/officeDocument/2006/relationships/presProps" Target="presProps.xml"/><Relationship Id="rId10" Type="http://schemas.openxmlformats.org/officeDocument/2006/relationships/slide" Target="slides/slide9.xml"/><Relationship Id="rId19" Type="http://schemas.openxmlformats.org/officeDocument/2006/relationships/font" Target="fonts/font7.fntdata"/><Relationship Id="rId31" Type="http://schemas.openxmlformats.org/officeDocument/2006/relationships/font" Target="fonts/font19.fntdata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font" Target="fonts/font2.fntdata"/><Relationship Id="rId22" Type="http://schemas.openxmlformats.org/officeDocument/2006/relationships/font" Target="fonts/font10.fntdata"/><Relationship Id="rId27" Type="http://schemas.openxmlformats.org/officeDocument/2006/relationships/font" Target="fonts/font15.fntdata"/><Relationship Id="rId30" Type="http://schemas.openxmlformats.org/officeDocument/2006/relationships/font" Target="fonts/font18.fntdata"/><Relationship Id="rId35" Type="http://schemas.openxmlformats.org/officeDocument/2006/relationships/tags" Target="tags/tag1.xml"/></Relationships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3038161" cy="464180"/>
          </a:xfrm>
          <a:prstGeom prst="rect">
            <a:avLst/>
          </a:prstGeom>
        </p:spPr>
        <p:txBody>
          <a:bodyPr vert="horz" lIns="93177" tIns="46588" rIns="93177" bIns="46588" rtlCol="0"/>
          <a:lstStyle>
            <a:lvl1pPr algn="l" defTabSz="922958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970634" y="0"/>
            <a:ext cx="3038161" cy="464180"/>
          </a:xfrm>
          <a:prstGeom prst="rect">
            <a:avLst/>
          </a:prstGeom>
        </p:spPr>
        <p:txBody>
          <a:bodyPr vert="horz" lIns="93177" tIns="46588" rIns="93177" bIns="46588" rtlCol="0"/>
          <a:lstStyle>
            <a:lvl1pPr algn="r" defTabSz="922958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cs typeface="+mn-cs"/>
              </a:defRPr>
            </a:lvl1pPr>
          </a:lstStyle>
          <a:p>
            <a:pPr>
              <a:defRPr/>
            </a:pPr>
            <a:fld id="{25DC6F27-440F-4B49-9DD7-0A8AABC293B9}" type="datetimeFigureOut">
              <a:rPr lang="en-US"/>
              <a:pPr>
                <a:defRPr/>
              </a:pPr>
              <a:t>8/29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181100" y="698500"/>
            <a:ext cx="4648200" cy="348615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3177" tIns="46588" rIns="93177" bIns="46588" rtlCol="0" anchor="ctr"/>
          <a:lstStyle/>
          <a:p>
            <a:pPr lvl="0"/>
            <a:endParaRPr lang="en-US" noProof="0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701362" y="4416111"/>
            <a:ext cx="5607678" cy="4182419"/>
          </a:xfrm>
          <a:prstGeom prst="rect">
            <a:avLst/>
          </a:prstGeom>
        </p:spPr>
        <p:txBody>
          <a:bodyPr vert="horz" lIns="93177" tIns="46588" rIns="93177" bIns="46588" rtlCol="0"/>
          <a:lstStyle/>
          <a:p>
            <a:pPr lvl="0"/>
            <a:r>
              <a:rPr lang="en-US" noProof="0"/>
              <a:t>Click to edit Master text styles</a:t>
            </a:r>
          </a:p>
          <a:p>
            <a:pPr lvl="1"/>
            <a:r>
              <a:rPr lang="en-US" noProof="0"/>
              <a:t>Second level</a:t>
            </a:r>
          </a:p>
          <a:p>
            <a:pPr lvl="2"/>
            <a:r>
              <a:rPr lang="en-US" noProof="0"/>
              <a:t>Third level</a:t>
            </a:r>
          </a:p>
          <a:p>
            <a:pPr lvl="3"/>
            <a:r>
              <a:rPr lang="en-US" noProof="0"/>
              <a:t>Fourth level</a:t>
            </a:r>
          </a:p>
          <a:p>
            <a:pPr lvl="4"/>
            <a:r>
              <a:rPr lang="en-US" noProof="0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830621"/>
            <a:ext cx="3038161" cy="464180"/>
          </a:xfrm>
          <a:prstGeom prst="rect">
            <a:avLst/>
          </a:prstGeom>
        </p:spPr>
        <p:txBody>
          <a:bodyPr vert="horz" lIns="93177" tIns="46588" rIns="93177" bIns="46588" rtlCol="0" anchor="b"/>
          <a:lstStyle>
            <a:lvl1pPr algn="l" defTabSz="922958" fontAlgn="auto">
              <a:spcBef>
                <a:spcPts val="0"/>
              </a:spcBef>
              <a:spcAft>
                <a:spcPts val="0"/>
              </a:spcAft>
              <a:defRPr sz="1200">
                <a:latin typeface="+mn-lt"/>
                <a:cs typeface="+mn-cs"/>
              </a:defRPr>
            </a:lvl1pPr>
          </a:lstStyle>
          <a:p>
            <a:pPr>
              <a:defRPr/>
            </a:pPr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970634" y="8830621"/>
            <a:ext cx="3038161" cy="464180"/>
          </a:xfrm>
          <a:prstGeom prst="rect">
            <a:avLst/>
          </a:prstGeom>
        </p:spPr>
        <p:txBody>
          <a:bodyPr vert="horz" wrap="square" lIns="93177" tIns="46588" rIns="93177" bIns="46588" numCol="1" anchor="b" anchorCtr="0" compatLnSpc="1">
            <a:prstTxWarp prst="textNoShape">
              <a:avLst/>
            </a:prstTxWarp>
          </a:bodyPr>
          <a:lstStyle>
            <a:lvl1pPr algn="r">
              <a:defRPr sz="1200"/>
            </a:lvl1pPr>
          </a:lstStyle>
          <a:p>
            <a:fld id="{C2E31DA0-F77D-41C1-A00C-B06BDB28BFD1}" type="slidenum">
              <a:rPr lang="en-US" altLang="en-US"/>
              <a:pPr/>
              <a:t>‹#›</a:t>
            </a:fld>
            <a:endParaRPr lang="en-US" altLang="en-US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notesStyle>
    <a:lvl1pPr algn="l" defTabSz="912813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5613" algn="l" defTabSz="912813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2813" algn="l" defTabSz="912813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0013" algn="l" defTabSz="912813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7213" algn="l" defTabSz="912813" rtl="0" eaLnBrk="0" fontAlgn="base" hangingPunct="0">
      <a:spcBef>
        <a:spcPct val="30000"/>
      </a:spcBef>
      <a:spcAft>
        <a:spcPct val="0"/>
      </a:spcAft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5909" algn="l" defTabSz="914363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090" algn="l" defTabSz="914363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272" algn="l" defTabSz="914363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454" algn="l" defTabSz="914363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E31DA0-F77D-41C1-A00C-B06BDB28BFD1}" type="slidenum">
              <a:rPr lang="en-US" altLang="en-US" smtClean="0"/>
              <a:pPr/>
              <a:t>1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307816176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E31DA0-F77D-41C1-A00C-B06BDB28BFD1}" type="slidenum">
              <a:rPr lang="en-US" altLang="en-US" smtClean="0"/>
              <a:pPr/>
              <a:t>10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285876041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434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8435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pPr eaLnBrk="1" hangingPunct="1"/>
            <a:endParaRPr lang="en-US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608175A3-BFA1-476D-BAA2-615076975237}" type="slidenum">
              <a:rPr lang="en-US" altLang="en-US"/>
              <a:pPr/>
              <a:t>2</a:t>
            </a:fld>
            <a:endParaRPr lang="en-US" altLang="en-US"/>
          </a:p>
        </p:txBody>
      </p:sp>
    </p:spTree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E31DA0-F77D-41C1-A00C-B06BDB28BFD1}" type="slidenum">
              <a:rPr lang="en-US" altLang="en-US" smtClean="0"/>
              <a:pPr/>
              <a:t>3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3657811217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9459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US" alt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B07559B-85B2-4FCF-8733-8EBF5CEE7C9E}" type="slidenum">
              <a:rPr lang="en-US" altLang="en-US"/>
              <a:pPr/>
              <a:t>4</a:t>
            </a:fld>
            <a:endParaRPr lang="en-US" altLang="en-US"/>
          </a:p>
        </p:txBody>
      </p:sp>
    </p:spTree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E31DA0-F77D-41C1-A00C-B06BDB28BFD1}" type="slidenum">
              <a:rPr lang="en-US" altLang="en-US" smtClean="0"/>
              <a:pPr/>
              <a:t>5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2355888900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9458" name="Slide Image Placeholder 1"/>
          <p:cNvSpPr>
            <a:spLocks noGrp="1" noRot="1" noChangeAspect="1" noTextEdit="1"/>
          </p:cNvSpPr>
          <p:nvPr>
            <p:ph type="sldImg"/>
          </p:nvPr>
        </p:nvSpPr>
        <p:spPr bwMode="auto">
          <a:noFill/>
          <a:ln>
            <a:solidFill>
              <a:srgbClr val="000000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sp>
      <p:sp>
        <p:nvSpPr>
          <p:cNvPr id="19459" name="Notes Placeholder 2"/>
          <p:cNvSpPr>
            <a:spLocks noGrp="1"/>
          </p:cNvSpPr>
          <p:nvPr>
            <p:ph type="body" idx="1"/>
          </p:nvPr>
        </p:nvSpPr>
        <p:spPr bwMode="auto"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 numCol="1" anchor="t" anchorCtr="0" compatLnSpc="1">
            <a:prstTxWarp prst="textNoShape">
              <a:avLst/>
            </a:prstTxWarp>
          </a:bodyPr>
          <a:lstStyle/>
          <a:p>
            <a:endParaRPr lang="en-US" alt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5"/>
          </p:nvPr>
        </p:nvSpPr>
        <p:spPr/>
        <p:txBody>
          <a:bodyPr/>
          <a:lstStyle/>
          <a:p>
            <a:fld id="{AB07559B-85B2-4FCF-8733-8EBF5CEE7C9E}" type="slidenum">
              <a:rPr lang="en-US" altLang="en-US"/>
              <a:pPr/>
              <a:t>6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1015354870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E31DA0-F77D-41C1-A00C-B06BDB28BFD1}" type="slidenum">
              <a:rPr lang="en-US" altLang="en-US" smtClean="0"/>
              <a:pPr/>
              <a:t>7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3780638471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E31DA0-F77D-41C1-A00C-B06BDB28BFD1}" type="slidenum">
              <a:rPr lang="en-US" altLang="en-US" smtClean="0"/>
              <a:pPr/>
              <a:t>8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1808693751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2E31DA0-F77D-41C1-A00C-B06BDB28BFD1}" type="slidenum">
              <a:rPr lang="en-US" altLang="en-US" smtClean="0"/>
              <a:pPr/>
              <a:t>9</a:t>
            </a:fld>
            <a:endParaRPr lang="en-US" altLang="en-US"/>
          </a:p>
        </p:txBody>
      </p:sp>
    </p:spTree>
    <p:extLst>
      <p:ext uri="{BB962C8B-B14F-4D97-AF65-F5344CB8AC3E}">
        <p14:creationId xmlns:p14="http://schemas.microsoft.com/office/powerpoint/2010/main" val="85957000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2.png"/><Relationship Id="rId2" Type="http://schemas.openxmlformats.org/officeDocument/2006/relationships/image" Target="../media/image1.jpeg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3.png"/></Relationships>
</file>

<file path=ppt/slideLayouts/_rels/slideLayout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ther Page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3" name="Group 3" hidden="1"/>
          <p:cNvGrpSpPr>
            <a:grpSpLocks/>
          </p:cNvGrpSpPr>
          <p:nvPr userDrawn="1"/>
        </p:nvGrpSpPr>
        <p:grpSpPr bwMode="auto">
          <a:xfrm>
            <a:off x="0" y="6364288"/>
            <a:ext cx="2444750" cy="500062"/>
            <a:chOff x="0" y="6364288"/>
            <a:chExt cx="2444750" cy="500062"/>
          </a:xfrm>
        </p:grpSpPr>
        <p:sp>
          <p:nvSpPr>
            <p:cNvPr id="4" name="Rectangle 3"/>
            <p:cNvSpPr>
              <a:spLocks noChangeArrowheads="1"/>
            </p:cNvSpPr>
            <p:nvPr userDrawn="1"/>
          </p:nvSpPr>
          <p:spPr bwMode="auto">
            <a:xfrm>
              <a:off x="0" y="6648450"/>
              <a:ext cx="2444750" cy="21590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pitchFamily="34" charset="0"/>
                </a:defRPr>
              </a:lvl9pPr>
            </a:lstStyle>
            <a:p>
              <a:pPr eaLnBrk="1" hangingPunct="1">
                <a:defRPr/>
              </a:pPr>
              <a:r>
                <a:rPr lang="en-US" altLang="en-US" sz="800">
                  <a:solidFill>
                    <a:srgbClr val="7F7F7F"/>
                  </a:solidFill>
                  <a:latin typeface="Century Gothic" pitchFamily="34" charset="0"/>
                </a:rPr>
                <a:t>©2013 All rights reserved. </a:t>
              </a:r>
            </a:p>
          </p:txBody>
        </p:sp>
        <p:pic>
          <p:nvPicPr>
            <p:cNvPr id="5" name="Picture 74" descr="C:\Users\Stephen\Downloads\264180_196031527114669_196031310448024_613424_7989946_n.jpg"/>
            <p:cNvPicPr>
              <a:picLocks noChangeAspect="1" noChangeArrowheads="1"/>
            </p:cNvPicPr>
            <p:nvPr userDrawn="1"/>
          </p:nvPicPr>
          <p:blipFill>
            <a:blip r:embed="rId2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71438" y="6364288"/>
              <a:ext cx="1392237" cy="28733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grpSp>
        <p:nvGrpSpPr>
          <p:cNvPr id="9" name="Group 8">
            <a:extLst>
              <a:ext uri="{FF2B5EF4-FFF2-40B4-BE49-F238E27FC236}">
                <a16:creationId xmlns:a16="http://schemas.microsoft.com/office/drawing/2014/main" id="{3DB8D9EB-FB52-4C9E-8CDE-E95386E673B3}"/>
              </a:ext>
            </a:extLst>
          </p:cNvPr>
          <p:cNvGrpSpPr/>
          <p:nvPr userDrawn="1"/>
        </p:nvGrpSpPr>
        <p:grpSpPr>
          <a:xfrm>
            <a:off x="1" y="6552213"/>
            <a:ext cx="1371634" cy="305787"/>
            <a:chOff x="1" y="6552213"/>
            <a:chExt cx="1371634" cy="305787"/>
          </a:xfrm>
        </p:grpSpPr>
        <p:sp>
          <p:nvSpPr>
            <p:cNvPr id="10" name="Rectangle 9">
              <a:extLst>
                <a:ext uri="{FF2B5EF4-FFF2-40B4-BE49-F238E27FC236}">
                  <a16:creationId xmlns:a16="http://schemas.microsoft.com/office/drawing/2014/main" id="{62F1B9AC-6969-4073-9ACF-45438BEB3DCA}"/>
                </a:ext>
              </a:extLst>
            </p:cNvPr>
            <p:cNvSpPr/>
            <p:nvPr userDrawn="1"/>
          </p:nvSpPr>
          <p:spPr bwMode="auto">
            <a:xfrm>
              <a:off x="1" y="6552213"/>
              <a:ext cx="1371634" cy="305787"/>
            </a:xfrm>
            <a:prstGeom prst="rect">
              <a:avLst/>
            </a:prstGeom>
            <a:solidFill>
              <a:srgbClr val="35B1BB"/>
            </a:solidFill>
            <a:ln w="28575" algn="ctr">
              <a:noFill/>
              <a:miter lim="800000"/>
              <a:headEnd/>
              <a:tailEnd/>
            </a:ln>
            <a:effectLst/>
            <a:extLst/>
          </p:spPr>
          <p:txBody>
            <a:bodyPr lIns="0" tIns="0" rIns="0" bIns="0" rtlCol="0" anchor="ctr"/>
            <a:lstStyle/>
            <a:p>
              <a:pPr algn="ctr"/>
              <a:endParaRPr lang="en-US" sz="2000" b="1" i="0" dirty="0">
                <a:solidFill>
                  <a:schemeClr val="bg1"/>
                </a:solidFill>
                <a:latin typeface="Century Gothic" panose="020B0502020202020204" pitchFamily="34" charset="0"/>
              </a:endParaRPr>
            </a:p>
          </p:txBody>
        </p:sp>
        <p:pic>
          <p:nvPicPr>
            <p:cNvPr id="11" name="Picture 10">
              <a:extLst>
                <a:ext uri="{FF2B5EF4-FFF2-40B4-BE49-F238E27FC236}">
                  <a16:creationId xmlns:a16="http://schemas.microsoft.com/office/drawing/2014/main" id="{656AC0BB-9CA0-4790-A30C-F9DFF0D42E3C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3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217" y="6613666"/>
              <a:ext cx="1219202" cy="182880"/>
            </a:xfrm>
            <a:prstGeom prst="rect">
              <a:avLst/>
            </a:prstGeom>
          </p:spPr>
        </p:pic>
      </p:grpSp>
      <p:grpSp>
        <p:nvGrpSpPr>
          <p:cNvPr id="12" name="Group 11">
            <a:extLst>
              <a:ext uri="{FF2B5EF4-FFF2-40B4-BE49-F238E27FC236}">
                <a16:creationId xmlns:a16="http://schemas.microsoft.com/office/drawing/2014/main" id="{1B7C0DD2-E4A1-4999-BA06-0EE23C173E6E}"/>
              </a:ext>
            </a:extLst>
          </p:cNvPr>
          <p:cNvGrpSpPr/>
          <p:nvPr userDrawn="1"/>
        </p:nvGrpSpPr>
        <p:grpSpPr>
          <a:xfrm>
            <a:off x="7223731" y="6667433"/>
            <a:ext cx="1920269" cy="242076"/>
            <a:chOff x="7186715" y="6667433"/>
            <a:chExt cx="1920269" cy="242076"/>
          </a:xfrm>
        </p:grpSpPr>
        <p:sp>
          <p:nvSpPr>
            <p:cNvPr id="13" name="Rectangle 12">
              <a:extLst>
                <a:ext uri="{FF2B5EF4-FFF2-40B4-BE49-F238E27FC236}">
                  <a16:creationId xmlns:a16="http://schemas.microsoft.com/office/drawing/2014/main" id="{395C223B-B212-4CEF-9786-9E02EA45F4A9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7826788" y="6716749"/>
              <a:ext cx="1280196" cy="19276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 lIns="0" tIns="42108" rIns="0" bIns="42108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9pPr>
            </a:lstStyle>
            <a:p>
              <a:pPr algn="r">
                <a:defRPr/>
              </a:pPr>
              <a:r>
                <a:rPr lang="en-US" altLang="en-US" sz="700" dirty="0">
                  <a:solidFill>
                    <a:srgbClr val="B5B5B5">
                      <a:lumMod val="75000"/>
                    </a:srgbClr>
                  </a:solidFill>
                  <a:latin typeface="Century Gothic" pitchFamily="34" charset="0"/>
                </a:rPr>
                <a:t>©2017 All rights reserved.</a:t>
              </a:r>
              <a:endParaRPr lang="en-US" altLang="en-US" dirty="0">
                <a:solidFill>
                  <a:srgbClr val="B5B5B5">
                    <a:lumMod val="75000"/>
                  </a:srgbClr>
                </a:solidFill>
                <a:latin typeface="Arial" charset="0"/>
              </a:endParaRPr>
            </a:p>
          </p:txBody>
        </p:sp>
        <p:pic>
          <p:nvPicPr>
            <p:cNvPr id="14" name="Picture 2" descr="C:\Users\Stephen\Desktop\DataWorksWithGGSA_Dark.png">
              <a:extLst>
                <a:ext uri="{FF2B5EF4-FFF2-40B4-BE49-F238E27FC236}">
                  <a16:creationId xmlns:a16="http://schemas.microsoft.com/office/drawing/2014/main" id="{2E2B3F17-E863-4451-A74C-6A2FE61FB755}"/>
                </a:ext>
              </a:extLst>
            </p:cNvPr>
            <p:cNvPicPr>
              <a:picLocks noChangeAspect="1" noChangeArrowheads="1"/>
            </p:cNvPicPr>
            <p:nvPr userDrawn="1"/>
          </p:nvPicPr>
          <p:blipFill rotWithShape="1">
            <a:blip r:embed="rId4" cstate="print">
              <a:duotone>
                <a:schemeClr val="bg2">
                  <a:shade val="45000"/>
                  <a:satMod val="135000"/>
                </a:schemeClr>
                <a:prstClr val="white"/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r="56215"/>
            <a:stretch/>
          </p:blipFill>
          <p:spPr bwMode="auto">
            <a:xfrm>
              <a:off x="7186715" y="6667433"/>
              <a:ext cx="822951" cy="178467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</p:spTree>
    <p:extLst>
      <p:ext uri="{BB962C8B-B14F-4D97-AF65-F5344CB8AC3E}">
        <p14:creationId xmlns:p14="http://schemas.microsoft.com/office/powerpoint/2010/main" val="3531450217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2" name="Group 1">
            <a:extLst>
              <a:ext uri="{FF2B5EF4-FFF2-40B4-BE49-F238E27FC236}">
                <a16:creationId xmlns:a16="http://schemas.microsoft.com/office/drawing/2014/main" id="{5A19D061-4432-41EB-8E74-039F6CBBE3AF}"/>
              </a:ext>
            </a:extLst>
          </p:cNvPr>
          <p:cNvGrpSpPr/>
          <p:nvPr userDrawn="1"/>
        </p:nvGrpSpPr>
        <p:grpSpPr>
          <a:xfrm>
            <a:off x="1" y="6552213"/>
            <a:ext cx="1371634" cy="305787"/>
            <a:chOff x="1" y="6552213"/>
            <a:chExt cx="1371634" cy="305787"/>
          </a:xfrm>
        </p:grpSpPr>
        <p:sp>
          <p:nvSpPr>
            <p:cNvPr id="3" name="Rectangle 2">
              <a:extLst>
                <a:ext uri="{FF2B5EF4-FFF2-40B4-BE49-F238E27FC236}">
                  <a16:creationId xmlns:a16="http://schemas.microsoft.com/office/drawing/2014/main" id="{1CDB9E78-68F0-454E-8C75-72D4E54C83A1}"/>
                </a:ext>
              </a:extLst>
            </p:cNvPr>
            <p:cNvSpPr/>
            <p:nvPr userDrawn="1"/>
          </p:nvSpPr>
          <p:spPr bwMode="auto">
            <a:xfrm>
              <a:off x="1" y="6552213"/>
              <a:ext cx="1371634" cy="305787"/>
            </a:xfrm>
            <a:prstGeom prst="rect">
              <a:avLst/>
            </a:prstGeom>
            <a:solidFill>
              <a:srgbClr val="35B1BB"/>
            </a:solidFill>
            <a:ln w="28575" algn="ctr">
              <a:noFill/>
              <a:miter lim="800000"/>
              <a:headEnd/>
              <a:tailEnd/>
            </a:ln>
            <a:effectLst/>
            <a:extLst/>
          </p:spPr>
          <p:txBody>
            <a:bodyPr lIns="0" tIns="0" rIns="0" bIns="0" rtlCol="0" anchor="ctr"/>
            <a:lstStyle/>
            <a:p>
              <a:pPr algn="ctr"/>
              <a:endParaRPr lang="en-US" sz="2000" b="1" i="0" dirty="0">
                <a:solidFill>
                  <a:schemeClr val="bg1"/>
                </a:solidFill>
                <a:latin typeface="Century Gothic" panose="020B0502020202020204" pitchFamily="34" charset="0"/>
              </a:endParaRPr>
            </a:p>
          </p:txBody>
        </p:sp>
        <p:pic>
          <p:nvPicPr>
            <p:cNvPr id="4" name="Picture 3">
              <a:extLst>
                <a:ext uri="{FF2B5EF4-FFF2-40B4-BE49-F238E27FC236}">
                  <a16:creationId xmlns:a16="http://schemas.microsoft.com/office/drawing/2014/main" id="{30E4D0C7-A081-409C-A05D-0030D1778081}"/>
                </a:ext>
              </a:extLst>
            </p:cNvPr>
            <p:cNvPicPr>
              <a:picLocks noChangeAspect="1"/>
            </p:cNvPicPr>
            <p:nvPr userDrawn="1"/>
          </p:nvPicPr>
          <p:blipFill>
            <a:blip r:embed="rId2" cstate="print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tretch>
              <a:fillRect/>
            </a:stretch>
          </p:blipFill>
          <p:spPr>
            <a:xfrm>
              <a:off x="76217" y="6613666"/>
              <a:ext cx="1219202" cy="182880"/>
            </a:xfrm>
            <a:prstGeom prst="rect">
              <a:avLst/>
            </a:prstGeom>
          </p:spPr>
        </p:pic>
      </p:grpSp>
      <p:grpSp>
        <p:nvGrpSpPr>
          <p:cNvPr id="5" name="Group 4">
            <a:extLst>
              <a:ext uri="{FF2B5EF4-FFF2-40B4-BE49-F238E27FC236}">
                <a16:creationId xmlns:a16="http://schemas.microsoft.com/office/drawing/2014/main" id="{1E7EB241-9906-41DD-8A5F-EB5F9D63A317}"/>
              </a:ext>
            </a:extLst>
          </p:cNvPr>
          <p:cNvGrpSpPr/>
          <p:nvPr userDrawn="1"/>
        </p:nvGrpSpPr>
        <p:grpSpPr>
          <a:xfrm>
            <a:off x="7223731" y="6667433"/>
            <a:ext cx="1920269" cy="242076"/>
            <a:chOff x="7186715" y="6667433"/>
            <a:chExt cx="1920269" cy="242076"/>
          </a:xfrm>
        </p:grpSpPr>
        <p:sp>
          <p:nvSpPr>
            <p:cNvPr id="6" name="Rectangle 5">
              <a:extLst>
                <a:ext uri="{FF2B5EF4-FFF2-40B4-BE49-F238E27FC236}">
                  <a16:creationId xmlns:a16="http://schemas.microsoft.com/office/drawing/2014/main" id="{578D1D49-6560-479B-AB5C-8864C80A56B5}"/>
                </a:ext>
              </a:extLst>
            </p:cNvPr>
            <p:cNvSpPr>
              <a:spLocks noChangeArrowheads="1"/>
            </p:cNvSpPr>
            <p:nvPr userDrawn="1"/>
          </p:nvSpPr>
          <p:spPr bwMode="auto">
            <a:xfrm>
              <a:off x="7826788" y="6716749"/>
              <a:ext cx="1280196" cy="192760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square" lIns="0" tIns="42108" rIns="0" bIns="42108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itchFamily="34" charset="0"/>
                  <a:cs typeface="Arial" charset="0"/>
                </a:defRPr>
              </a:lvl9pPr>
            </a:lstStyle>
            <a:p>
              <a:pPr algn="r">
                <a:defRPr/>
              </a:pPr>
              <a:r>
                <a:rPr lang="en-US" altLang="en-US" sz="700" dirty="0">
                  <a:solidFill>
                    <a:srgbClr val="B5B5B5">
                      <a:lumMod val="75000"/>
                    </a:srgbClr>
                  </a:solidFill>
                  <a:latin typeface="Century Gothic" pitchFamily="34" charset="0"/>
                </a:rPr>
                <a:t>©2017 All rights reserved.</a:t>
              </a:r>
              <a:endParaRPr lang="en-US" altLang="en-US" dirty="0">
                <a:solidFill>
                  <a:srgbClr val="B5B5B5">
                    <a:lumMod val="75000"/>
                  </a:srgbClr>
                </a:solidFill>
                <a:latin typeface="Arial" charset="0"/>
              </a:endParaRPr>
            </a:p>
          </p:txBody>
        </p:sp>
        <p:pic>
          <p:nvPicPr>
            <p:cNvPr id="7" name="Picture 2" descr="C:\Users\Stephen\Desktop\DataWorksWithGGSA_Dark.png">
              <a:extLst>
                <a:ext uri="{FF2B5EF4-FFF2-40B4-BE49-F238E27FC236}">
                  <a16:creationId xmlns:a16="http://schemas.microsoft.com/office/drawing/2014/main" id="{95B5B3CA-204A-4813-8704-542C91194ED0}"/>
                </a:ext>
              </a:extLst>
            </p:cNvPr>
            <p:cNvPicPr>
              <a:picLocks noChangeAspect="1" noChangeArrowheads="1"/>
            </p:cNvPicPr>
            <p:nvPr userDrawn="1"/>
          </p:nvPicPr>
          <p:blipFill rotWithShape="1">
            <a:blip r:embed="rId3" cstate="print">
              <a:duotone>
                <a:schemeClr val="bg2">
                  <a:shade val="45000"/>
                  <a:satMod val="135000"/>
                </a:schemeClr>
                <a:prstClr val="white"/>
              </a:duotone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r="56215"/>
            <a:stretch/>
          </p:blipFill>
          <p:spPr bwMode="auto">
            <a:xfrm>
              <a:off x="7186715" y="6667433"/>
              <a:ext cx="822951" cy="178467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</p:grpSp>
    </p:spTree>
    <p:extLst>
      <p:ext uri="{BB962C8B-B14F-4D97-AF65-F5344CB8AC3E}">
        <p14:creationId xmlns:p14="http://schemas.microsoft.com/office/powerpoint/2010/main" val="702531921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</p:cSld>
  <p:clrMap bg1="lt1" tx1="dk1" bg2="lt2" tx2="dk2" accent1="accent1" accent2="accent2" accent3="accent3" accent4="accent4" accent5="accent5" accent6="accent6" hlink="hlink" folHlink="folHlink"/>
  <p:sldLayoutIdLst>
    <p:sldLayoutId id="2147484526" r:id="rId1"/>
    <p:sldLayoutId id="2147484525" r:id="rId2"/>
  </p:sldLayoutIdLst>
  <p:txStyles>
    <p:titleStyle>
      <a:lvl1pPr algn="ctr" rtl="0" eaLnBrk="0" fontAlgn="base" hangingPunct="0">
        <a:spcBef>
          <a:spcPct val="0"/>
        </a:spcBef>
        <a:spcAft>
          <a:spcPct val="0"/>
        </a:spcAft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  <a:lvl2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2pPr>
      <a:lvl3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3pPr>
      <a:lvl4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4pPr>
      <a:lvl5pPr algn="ctr" rtl="0" eaLnBrk="0" fontAlgn="base" hangingPunct="0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5pPr>
      <a:lvl6pPr marL="4572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6pPr>
      <a:lvl7pPr marL="9144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7pPr>
      <a:lvl8pPr marL="13716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8pPr>
      <a:lvl9pPr marL="1828800" algn="ctr" rtl="0" fontAlgn="base">
        <a:spcBef>
          <a:spcPct val="0"/>
        </a:spcBef>
        <a:spcAft>
          <a:spcPct val="0"/>
        </a:spcAft>
        <a:defRPr sz="4400">
          <a:solidFill>
            <a:schemeClr val="tx1"/>
          </a:solidFill>
          <a:latin typeface="Calibri" pitchFamily="34" charset="0"/>
        </a:defRPr>
      </a:lvl9pPr>
    </p:titleStyle>
    <p:bodyStyle>
      <a:lvl1pPr marL="342900" indent="-3429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rtl="0" eaLnBrk="0" fontAlgn="base" hangingPunct="0">
        <a:spcBef>
          <a:spcPct val="20000"/>
        </a:spcBef>
        <a:spcAft>
          <a:spcPct val="0"/>
        </a:spcAft>
        <a:buFont typeface="Arial" panose="020B0604020202020204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4" Type="http://schemas.openxmlformats.org/officeDocument/2006/relationships/image" Target="../media/image5.png"/></Relationships>
</file>

<file path=ppt/slides/_rels/slide10.xml.rels><?xml version="1.0" encoding="UTF-8" standalone="yes"?>
<Relationships xmlns="http://schemas.openxmlformats.org/package/2006/relationships"><Relationship Id="rId8" Type="http://schemas.openxmlformats.org/officeDocument/2006/relationships/image" Target="../media/image88.png"/><Relationship Id="rId3" Type="http://schemas.openxmlformats.org/officeDocument/2006/relationships/notesSlide" Target="../notesSlides/notesSlide10.xml"/><Relationship Id="rId7" Type="http://schemas.openxmlformats.org/officeDocument/2006/relationships/image" Target="../media/image87.png"/><Relationship Id="rId12" Type="http://schemas.openxmlformats.org/officeDocument/2006/relationships/image" Target="../media/image92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10.xml"/><Relationship Id="rId6" Type="http://schemas.openxmlformats.org/officeDocument/2006/relationships/image" Target="../media/image86.png"/><Relationship Id="rId11" Type="http://schemas.openxmlformats.org/officeDocument/2006/relationships/image" Target="../media/image91.png"/><Relationship Id="rId5" Type="http://schemas.openxmlformats.org/officeDocument/2006/relationships/image" Target="../media/image85.png"/><Relationship Id="rId10" Type="http://schemas.openxmlformats.org/officeDocument/2006/relationships/image" Target="../media/image90.png"/><Relationship Id="rId4" Type="http://schemas.openxmlformats.org/officeDocument/2006/relationships/image" Target="../media/image39.png"/><Relationship Id="rId9" Type="http://schemas.openxmlformats.org/officeDocument/2006/relationships/image" Target="../media/image89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11.png"/><Relationship Id="rId13" Type="http://schemas.openxmlformats.org/officeDocument/2006/relationships/image" Target="../media/image7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10.png"/><Relationship Id="rId12" Type="http://schemas.openxmlformats.org/officeDocument/2006/relationships/image" Target="../media/image15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2.xml"/><Relationship Id="rId6" Type="http://schemas.openxmlformats.org/officeDocument/2006/relationships/image" Target="../media/image9.png"/><Relationship Id="rId11" Type="http://schemas.openxmlformats.org/officeDocument/2006/relationships/image" Target="../media/image14.png"/><Relationship Id="rId5" Type="http://schemas.openxmlformats.org/officeDocument/2006/relationships/image" Target="../media/image8.png"/><Relationship Id="rId10" Type="http://schemas.openxmlformats.org/officeDocument/2006/relationships/image" Target="../media/image13.png"/><Relationship Id="rId4" Type="http://schemas.openxmlformats.org/officeDocument/2006/relationships/image" Target="../media/image6.png"/><Relationship Id="rId9" Type="http://schemas.openxmlformats.org/officeDocument/2006/relationships/image" Target="../media/image12.png"/><Relationship Id="rId14" Type="http://schemas.openxmlformats.org/officeDocument/2006/relationships/image" Target="../media/image16.png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21.png"/><Relationship Id="rId13" Type="http://schemas.openxmlformats.org/officeDocument/2006/relationships/image" Target="../media/image26.png"/><Relationship Id="rId18" Type="http://schemas.openxmlformats.org/officeDocument/2006/relationships/image" Target="../media/image31.png"/><Relationship Id="rId3" Type="http://schemas.openxmlformats.org/officeDocument/2006/relationships/notesSlide" Target="../notesSlides/notesSlide3.xml"/><Relationship Id="rId21" Type="http://schemas.openxmlformats.org/officeDocument/2006/relationships/image" Target="../media/image34.png"/><Relationship Id="rId7" Type="http://schemas.openxmlformats.org/officeDocument/2006/relationships/image" Target="../media/image20.png"/><Relationship Id="rId12" Type="http://schemas.openxmlformats.org/officeDocument/2006/relationships/image" Target="../media/image25.png"/><Relationship Id="rId17" Type="http://schemas.openxmlformats.org/officeDocument/2006/relationships/image" Target="../media/image30.png"/><Relationship Id="rId25" Type="http://schemas.openxmlformats.org/officeDocument/2006/relationships/image" Target="../media/image38.png"/><Relationship Id="rId2" Type="http://schemas.openxmlformats.org/officeDocument/2006/relationships/slideLayout" Target="../slideLayouts/slideLayout1.xml"/><Relationship Id="rId16" Type="http://schemas.openxmlformats.org/officeDocument/2006/relationships/image" Target="../media/image29.png"/><Relationship Id="rId20" Type="http://schemas.openxmlformats.org/officeDocument/2006/relationships/image" Target="../media/image33.png"/><Relationship Id="rId1" Type="http://schemas.openxmlformats.org/officeDocument/2006/relationships/tags" Target="../tags/tag3.xml"/><Relationship Id="rId6" Type="http://schemas.openxmlformats.org/officeDocument/2006/relationships/image" Target="../media/image19.png"/><Relationship Id="rId11" Type="http://schemas.openxmlformats.org/officeDocument/2006/relationships/image" Target="../media/image24.png"/><Relationship Id="rId24" Type="http://schemas.openxmlformats.org/officeDocument/2006/relationships/image" Target="../media/image37.png"/><Relationship Id="rId5" Type="http://schemas.openxmlformats.org/officeDocument/2006/relationships/image" Target="../media/image18.png"/><Relationship Id="rId15" Type="http://schemas.openxmlformats.org/officeDocument/2006/relationships/image" Target="../media/image28.png"/><Relationship Id="rId23" Type="http://schemas.openxmlformats.org/officeDocument/2006/relationships/image" Target="../media/image36.png"/><Relationship Id="rId10" Type="http://schemas.openxmlformats.org/officeDocument/2006/relationships/image" Target="../media/image23.png"/><Relationship Id="rId19" Type="http://schemas.openxmlformats.org/officeDocument/2006/relationships/image" Target="../media/image32.png"/><Relationship Id="rId4" Type="http://schemas.openxmlformats.org/officeDocument/2006/relationships/image" Target="../media/image17.png"/><Relationship Id="rId9" Type="http://schemas.openxmlformats.org/officeDocument/2006/relationships/image" Target="../media/image22.png"/><Relationship Id="rId14" Type="http://schemas.openxmlformats.org/officeDocument/2006/relationships/image" Target="../media/image27.png"/><Relationship Id="rId22" Type="http://schemas.openxmlformats.org/officeDocument/2006/relationships/image" Target="../media/image35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4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4.xml"/><Relationship Id="rId6" Type="http://schemas.openxmlformats.org/officeDocument/2006/relationships/image" Target="../media/image42.png"/><Relationship Id="rId5" Type="http://schemas.openxmlformats.org/officeDocument/2006/relationships/image" Target="../media/image41.png"/><Relationship Id="rId4" Type="http://schemas.openxmlformats.org/officeDocument/2006/relationships/image" Target="../media/image40.png"/></Relationships>
</file>

<file path=ppt/slides/_rels/slide5.xml.rels><?xml version="1.0" encoding="UTF-8" standalone="yes"?>
<Relationships xmlns="http://schemas.openxmlformats.org/package/2006/relationships"><Relationship Id="rId8" Type="http://schemas.openxmlformats.org/officeDocument/2006/relationships/image" Target="../media/image47.png"/><Relationship Id="rId13" Type="http://schemas.openxmlformats.org/officeDocument/2006/relationships/image" Target="../media/image52.png"/><Relationship Id="rId18" Type="http://schemas.openxmlformats.org/officeDocument/2006/relationships/image" Target="../media/image57.png"/><Relationship Id="rId3" Type="http://schemas.openxmlformats.org/officeDocument/2006/relationships/notesSlide" Target="../notesSlides/notesSlide5.xml"/><Relationship Id="rId21" Type="http://schemas.openxmlformats.org/officeDocument/2006/relationships/image" Target="../media/image60.png"/><Relationship Id="rId7" Type="http://schemas.openxmlformats.org/officeDocument/2006/relationships/image" Target="../media/image46.png"/><Relationship Id="rId12" Type="http://schemas.openxmlformats.org/officeDocument/2006/relationships/image" Target="../media/image51.png"/><Relationship Id="rId17" Type="http://schemas.openxmlformats.org/officeDocument/2006/relationships/image" Target="../media/image56.png"/><Relationship Id="rId2" Type="http://schemas.openxmlformats.org/officeDocument/2006/relationships/slideLayout" Target="../slideLayouts/slideLayout1.xml"/><Relationship Id="rId16" Type="http://schemas.openxmlformats.org/officeDocument/2006/relationships/image" Target="../media/image55.png"/><Relationship Id="rId20" Type="http://schemas.openxmlformats.org/officeDocument/2006/relationships/image" Target="../media/image59.png"/><Relationship Id="rId1" Type="http://schemas.openxmlformats.org/officeDocument/2006/relationships/tags" Target="../tags/tag5.xml"/><Relationship Id="rId6" Type="http://schemas.openxmlformats.org/officeDocument/2006/relationships/image" Target="../media/image45.png"/><Relationship Id="rId11" Type="http://schemas.openxmlformats.org/officeDocument/2006/relationships/image" Target="../media/image50.png"/><Relationship Id="rId24" Type="http://schemas.openxmlformats.org/officeDocument/2006/relationships/image" Target="../media/image63.png"/><Relationship Id="rId5" Type="http://schemas.openxmlformats.org/officeDocument/2006/relationships/image" Target="../media/image44.png"/><Relationship Id="rId15" Type="http://schemas.openxmlformats.org/officeDocument/2006/relationships/image" Target="../media/image54.png"/><Relationship Id="rId23" Type="http://schemas.openxmlformats.org/officeDocument/2006/relationships/image" Target="../media/image62.png"/><Relationship Id="rId10" Type="http://schemas.openxmlformats.org/officeDocument/2006/relationships/image" Target="../media/image49.png"/><Relationship Id="rId19" Type="http://schemas.openxmlformats.org/officeDocument/2006/relationships/image" Target="../media/image58.png"/><Relationship Id="rId4" Type="http://schemas.openxmlformats.org/officeDocument/2006/relationships/image" Target="../media/image39.png"/><Relationship Id="rId9" Type="http://schemas.openxmlformats.org/officeDocument/2006/relationships/image" Target="../media/image48.png"/><Relationship Id="rId14" Type="http://schemas.openxmlformats.org/officeDocument/2006/relationships/image" Target="../media/image53.png"/><Relationship Id="rId22" Type="http://schemas.openxmlformats.org/officeDocument/2006/relationships/image" Target="../media/image61.png"/></Relationships>
</file>

<file path=ppt/slides/_rels/slide6.xml.rels><?xml version="1.0" encoding="UTF-8" standalone="yes"?>
<Relationships xmlns="http://schemas.openxmlformats.org/package/2006/relationships"><Relationship Id="rId8" Type="http://schemas.openxmlformats.org/officeDocument/2006/relationships/image" Target="../media/image68.png"/><Relationship Id="rId3" Type="http://schemas.openxmlformats.org/officeDocument/2006/relationships/notesSlide" Target="../notesSlides/notesSlide6.xml"/><Relationship Id="rId7" Type="http://schemas.openxmlformats.org/officeDocument/2006/relationships/image" Target="../media/image67.png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6.xml"/><Relationship Id="rId6" Type="http://schemas.openxmlformats.org/officeDocument/2006/relationships/image" Target="../media/image66.png"/><Relationship Id="rId5" Type="http://schemas.openxmlformats.org/officeDocument/2006/relationships/image" Target="../media/image64.png"/><Relationship Id="rId4" Type="http://schemas.openxmlformats.org/officeDocument/2006/relationships/image" Target="../media/image43.png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71.png"/><Relationship Id="rId13" Type="http://schemas.openxmlformats.org/officeDocument/2006/relationships/image" Target="../media/image76.png"/><Relationship Id="rId3" Type="http://schemas.openxmlformats.org/officeDocument/2006/relationships/notesSlide" Target="../notesSlides/notesSlide7.xml"/><Relationship Id="rId7" Type="http://schemas.openxmlformats.org/officeDocument/2006/relationships/image" Target="../media/image70.png"/><Relationship Id="rId12" Type="http://schemas.openxmlformats.org/officeDocument/2006/relationships/image" Target="../media/image75.png"/><Relationship Id="rId17" Type="http://schemas.openxmlformats.org/officeDocument/2006/relationships/image" Target="../media/image80.png"/><Relationship Id="rId2" Type="http://schemas.openxmlformats.org/officeDocument/2006/relationships/slideLayout" Target="../slideLayouts/slideLayout1.xml"/><Relationship Id="rId16" Type="http://schemas.openxmlformats.org/officeDocument/2006/relationships/image" Target="../media/image79.png"/><Relationship Id="rId1" Type="http://schemas.openxmlformats.org/officeDocument/2006/relationships/tags" Target="../tags/tag7.xml"/><Relationship Id="rId6" Type="http://schemas.openxmlformats.org/officeDocument/2006/relationships/image" Target="../media/image69.png"/><Relationship Id="rId11" Type="http://schemas.openxmlformats.org/officeDocument/2006/relationships/image" Target="../media/image74.png"/><Relationship Id="rId5" Type="http://schemas.openxmlformats.org/officeDocument/2006/relationships/image" Target="../media/image65.png"/><Relationship Id="rId15" Type="http://schemas.openxmlformats.org/officeDocument/2006/relationships/image" Target="../media/image78.png"/><Relationship Id="rId10" Type="http://schemas.openxmlformats.org/officeDocument/2006/relationships/image" Target="../media/image73.png"/><Relationship Id="rId4" Type="http://schemas.openxmlformats.org/officeDocument/2006/relationships/image" Target="../media/image39.png"/><Relationship Id="rId9" Type="http://schemas.openxmlformats.org/officeDocument/2006/relationships/image" Target="../media/image72.png"/><Relationship Id="rId14" Type="http://schemas.openxmlformats.org/officeDocument/2006/relationships/image" Target="../media/image77.png"/></Relationships>
</file>

<file path=ppt/slides/_rels/slide8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8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8.xml"/><Relationship Id="rId4" Type="http://schemas.openxmlformats.org/officeDocument/2006/relationships/image" Target="../media/image81.png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9.xml"/><Relationship Id="rId2" Type="http://schemas.openxmlformats.org/officeDocument/2006/relationships/slideLayout" Target="../slideLayouts/slideLayout1.xml"/><Relationship Id="rId1" Type="http://schemas.openxmlformats.org/officeDocument/2006/relationships/tags" Target="../tags/tag9.xml"/><Relationship Id="rId6" Type="http://schemas.openxmlformats.org/officeDocument/2006/relationships/image" Target="../media/image84.png"/><Relationship Id="rId5" Type="http://schemas.openxmlformats.org/officeDocument/2006/relationships/image" Target="../media/image83.png"/><Relationship Id="rId4" Type="http://schemas.openxmlformats.org/officeDocument/2006/relationships/image" Target="../media/image82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ound Same Side Corner Rectangle 21">
            <a:extLst>
              <a:ext uri="{FF2B5EF4-FFF2-40B4-BE49-F238E27FC236}">
                <a16:creationId xmlns:a16="http://schemas.microsoft.com/office/drawing/2014/main" id="{70C900B1-3216-49C4-91AE-2022B41EE22B}"/>
              </a:ext>
            </a:extLst>
          </p:cNvPr>
          <p:cNvSpPr/>
          <p:nvPr/>
        </p:nvSpPr>
        <p:spPr bwMode="auto">
          <a:xfrm rot="16200000">
            <a:off x="2944665" y="-822936"/>
            <a:ext cx="2614551" cy="8503874"/>
          </a:xfrm>
          <a:prstGeom prst="round2SameRect">
            <a:avLst>
              <a:gd name="adj1" fmla="val 0"/>
              <a:gd name="adj2" fmla="val 5466"/>
            </a:avLst>
          </a:prstGeom>
          <a:solidFill>
            <a:schemeClr val="tx2"/>
          </a:solidFill>
          <a:ln>
            <a:noFill/>
          </a:ln>
          <a:effectLst/>
          <a:extLst/>
        </p:spPr>
        <p:txBody>
          <a:bodyPr vert="vert" wrap="square" lIns="47380" tIns="640080" rIns="0" bIns="47380" rtlCol="0" anchor="t" anchorCtr="0">
            <a:spAutoFit/>
          </a:bodyPr>
          <a:lstStyle/>
          <a:p>
            <a:pPr>
              <a:defRPr/>
            </a:pPr>
            <a:r>
              <a:rPr lang="en-US" sz="5400" b="1" dirty="0">
                <a:solidFill>
                  <a:schemeClr val="bg1"/>
                </a:solidFill>
                <a:latin typeface="Century Gothic" panose="020B0502020202020204" pitchFamily="34" charset="0"/>
              </a:rPr>
              <a:t>We will construct</a:t>
            </a:r>
            <a:r>
              <a:rPr lang="en-US" sz="5400" b="1" baseline="-25000" dirty="0">
                <a:solidFill>
                  <a:schemeClr val="bg1"/>
                </a:solidFill>
                <a:latin typeface="Century Gothic" panose="020B0502020202020204" pitchFamily="34" charset="0"/>
              </a:rPr>
              <a:t>1</a:t>
            </a:r>
            <a:r>
              <a:rPr lang="en-US" sz="5400" b="1" dirty="0">
                <a:solidFill>
                  <a:schemeClr val="bg1"/>
                </a:solidFill>
                <a:latin typeface="Century Gothic" panose="020B0502020202020204" pitchFamily="34" charset="0"/>
              </a:rPr>
              <a:t> and interpret two-way frequency tables.</a:t>
            </a:r>
          </a:p>
        </p:txBody>
      </p:sp>
      <p:sp>
        <p:nvSpPr>
          <p:cNvPr id="3" name="Round Same Side Corner Rectangle 37">
            <a:extLst>
              <a:ext uri="{FF2B5EF4-FFF2-40B4-BE49-F238E27FC236}">
                <a16:creationId xmlns:a16="http://schemas.microsoft.com/office/drawing/2014/main" id="{794925EC-BF40-4C99-BD0D-FF5A54F61C9C}"/>
              </a:ext>
            </a:extLst>
          </p:cNvPr>
          <p:cNvSpPr/>
          <p:nvPr/>
        </p:nvSpPr>
        <p:spPr bwMode="auto">
          <a:xfrm rot="16200000">
            <a:off x="-652599" y="3299386"/>
            <a:ext cx="1513627" cy="259228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 w="6350">
            <a:solidFill>
              <a:schemeClr val="tx2"/>
            </a:solidFill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91440" tIns="47380" rIns="91440" bIns="47380" rtlCol="0" anchor="t" anchorCtr="0">
            <a:spAutoFit/>
          </a:bodyPr>
          <a:lstStyle/>
          <a:p>
            <a:pPr>
              <a:defRPr/>
            </a:pPr>
            <a:r>
              <a:rPr lang="en-US" sz="1000" b="1" dirty="0">
                <a:solidFill>
                  <a:schemeClr val="tx2"/>
                </a:solidFill>
                <a:latin typeface="Century Gothic" panose="020B0502020202020204" pitchFamily="34" charset="0"/>
              </a:rPr>
              <a:t>LEARNING OBJECTIVE</a:t>
            </a:r>
          </a:p>
        </p:txBody>
      </p:sp>
      <p:graphicFrame>
        <p:nvGraphicFramePr>
          <p:cNvPr id="4" name="Table 3">
            <a:extLst>
              <a:ext uri="{FF2B5EF4-FFF2-40B4-BE49-F238E27FC236}">
                <a16:creationId xmlns:a16="http://schemas.microsoft.com/office/drawing/2014/main" id="{909D318E-AF0C-4DBA-8B90-6A3193DDB4B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118697479"/>
              </p:ext>
            </p:extLst>
          </p:nvPr>
        </p:nvGraphicFramePr>
        <p:xfrm>
          <a:off x="6801046" y="5143652"/>
          <a:ext cx="2209800" cy="54864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200" kern="1200" baseline="300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1</a:t>
                      </a:r>
                      <a:r>
                        <a:rPr lang="en-US" sz="1200" kern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 create</a:t>
                      </a:r>
                    </a:p>
                  </a:txBody>
                  <a:tcPr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5" name="Picture 6" descr="C:\Users\Stephen\Downloads\Vocab.png">
            <a:extLst>
              <a:ext uri="{FF2B5EF4-FFF2-40B4-BE49-F238E27FC236}">
                <a16:creationId xmlns:a16="http://schemas.microsoft.com/office/drawing/2014/main" id="{AACA84C0-FA25-45B3-8FCF-C56F071C3454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46350" y="5221128"/>
            <a:ext cx="219456" cy="14924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6" name="Table 5">
            <a:extLst>
              <a:ext uri="{FF2B5EF4-FFF2-40B4-BE49-F238E27FC236}">
                <a16:creationId xmlns:a16="http://schemas.microsoft.com/office/drawing/2014/main" id="{4122237A-0DB2-4194-80B5-AA3CB001ACC6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691161141"/>
              </p:ext>
            </p:extLst>
          </p:nvPr>
        </p:nvGraphicFramePr>
        <p:xfrm>
          <a:off x="6801046" y="5788408"/>
          <a:ext cx="2209800" cy="73152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clare the Objective</a:t>
                      </a:r>
                    </a:p>
                  </a:txBody>
                  <a:tcPr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Read the learning objective to your partner.</a:t>
                      </a:r>
                    </a:p>
                  </a:txBody>
                  <a:tcPr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7" name="Picture 4" descr="C:\Users\Stephen\Downloads\CFU Icon.png">
            <a:extLst>
              <a:ext uri="{FF2B5EF4-FFF2-40B4-BE49-F238E27FC236}">
                <a16:creationId xmlns:a16="http://schemas.microsoft.com/office/drawing/2014/main" id="{62AD07F8-F3B5-47C7-846C-57FEB278AC82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56833" y="5827908"/>
            <a:ext cx="183800" cy="18288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527805407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1266" name="Group 1"/>
          <p:cNvGrpSpPr>
            <a:grpSpLocks/>
          </p:cNvGrpSpPr>
          <p:nvPr/>
        </p:nvGrpSpPr>
        <p:grpSpPr bwMode="auto">
          <a:xfrm>
            <a:off x="0" y="887413"/>
            <a:ext cx="7094538" cy="1554162"/>
            <a:chOff x="93663" y="1050925"/>
            <a:chExt cx="7094537" cy="1554463"/>
          </a:xfrm>
        </p:grpSpPr>
        <p:pic>
          <p:nvPicPr>
            <p:cNvPr id="11339" name="Picture 36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93663" y="1050925"/>
              <a:ext cx="7094537" cy="1554463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  <p:sp>
          <p:nvSpPr>
            <p:cNvPr id="53" name="Rectangle 52"/>
            <p:cNvSpPr/>
            <p:nvPr/>
          </p:nvSpPr>
          <p:spPr bwMode="auto">
            <a:xfrm>
              <a:off x="527051" y="1362135"/>
              <a:ext cx="4384674" cy="1170214"/>
            </a:xfrm>
            <a:prstGeom prst="rect">
              <a:avLst/>
            </a:prstGeom>
            <a:noFill/>
            <a:ln w="3175">
              <a:noFill/>
            </a:ln>
            <a:effec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>
              <a:spAutoFit/>
            </a:bodyPr>
            <a:lstStyle/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Read the situation carefully.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	Identify the two categories. (underline)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Identify the sample space in question. (circle)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Approximate the probability. 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Interpret your answer. (write)</a:t>
              </a:r>
            </a:p>
          </p:txBody>
        </p:sp>
        <p:sp>
          <p:nvSpPr>
            <p:cNvPr id="54" name="Rectangle 1112"/>
            <p:cNvSpPr>
              <a:spLocks noChangeArrowheads="1"/>
            </p:cNvSpPr>
            <p:nvPr/>
          </p:nvSpPr>
          <p:spPr bwMode="auto">
            <a:xfrm>
              <a:off x="274638" y="1133491"/>
              <a:ext cx="4516437" cy="30803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anchor="ctr">
              <a:spAutoFit/>
            </a:bodyPr>
            <a:lstStyle/>
            <a:p>
              <a:pPr eaLnBrk="0" fontAlgn="auto" hangingPunct="0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400" b="1" kern="0" dirty="0">
                  <a:solidFill>
                    <a:sysClr val="windowText" lastClr="000000"/>
                  </a:solidFill>
                  <a:latin typeface="Arial" pitchFamily="34" charset="0"/>
                </a:rPr>
                <a:t>Construct and interpret two-way frequency tables.</a:t>
              </a:r>
            </a:p>
          </p:txBody>
        </p:sp>
        <p:sp>
          <p:nvSpPr>
            <p:cNvPr id="56" name="Oval 55"/>
            <p:cNvSpPr/>
            <p:nvPr/>
          </p:nvSpPr>
          <p:spPr bwMode="auto">
            <a:xfrm>
              <a:off x="376238" y="1409769"/>
              <a:ext cx="173038" cy="173071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1</a:t>
              </a:r>
            </a:p>
          </p:txBody>
        </p:sp>
        <p:sp>
          <p:nvSpPr>
            <p:cNvPr id="57" name="Oval 56"/>
            <p:cNvSpPr/>
            <p:nvPr/>
          </p:nvSpPr>
          <p:spPr bwMode="auto">
            <a:xfrm>
              <a:off x="376238" y="1849592"/>
              <a:ext cx="173038" cy="173072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2</a:t>
              </a:r>
            </a:p>
          </p:txBody>
        </p:sp>
        <p:sp>
          <p:nvSpPr>
            <p:cNvPr id="58" name="Oval 57"/>
            <p:cNvSpPr/>
            <p:nvPr/>
          </p:nvSpPr>
          <p:spPr bwMode="auto">
            <a:xfrm>
              <a:off x="376238" y="2059182"/>
              <a:ext cx="173038" cy="173072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3</a:t>
              </a:r>
            </a:p>
          </p:txBody>
        </p:sp>
        <p:sp>
          <p:nvSpPr>
            <p:cNvPr id="59" name="Oval 58"/>
            <p:cNvSpPr/>
            <p:nvPr/>
          </p:nvSpPr>
          <p:spPr bwMode="auto">
            <a:xfrm>
              <a:off x="376238" y="2286239"/>
              <a:ext cx="173038" cy="173071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4</a:t>
              </a:r>
            </a:p>
          </p:txBody>
        </p:sp>
        <p:sp>
          <p:nvSpPr>
            <p:cNvPr id="60" name="Oval 59"/>
            <p:cNvSpPr/>
            <p:nvPr/>
          </p:nvSpPr>
          <p:spPr bwMode="auto">
            <a:xfrm>
              <a:off x="639763" y="1636825"/>
              <a:ext cx="173038" cy="174659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a</a:t>
              </a:r>
            </a:p>
          </p:txBody>
        </p:sp>
      </p:grpSp>
      <p:sp>
        <p:nvSpPr>
          <p:cNvPr id="9219" name="Rectangle 3"/>
          <p:cNvSpPr>
            <a:spLocks noChangeArrowheads="1"/>
          </p:cNvSpPr>
          <p:nvPr/>
        </p:nvSpPr>
        <p:spPr bwMode="auto">
          <a:xfrm>
            <a:off x="0" y="5970588"/>
            <a:ext cx="6548438" cy="4937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>
              <a:defRPr/>
            </a:pPr>
            <a:r>
              <a:rPr lang="en-US" sz="1400" dirty="0">
                <a:solidFill>
                  <a:srgbClr val="000000"/>
                </a:solidFill>
                <a:latin typeface="Arial" pitchFamily="34" charset="0"/>
              </a:rPr>
              <a:t>What did you learn today about constructing and interpreting two-way tables? </a:t>
            </a:r>
            <a:r>
              <a:rPr lang="en-US" sz="1200" dirty="0">
                <a:solidFill>
                  <a:schemeClr val="tx1">
                    <a:lumMod val="50000"/>
                    <a:lumOff val="50000"/>
                  </a:schemeClr>
                </a:solidFill>
                <a:latin typeface="Arial" pitchFamily="34" charset="0"/>
              </a:rPr>
              <a:t>(Pair-Share) Use words from the word bank.</a:t>
            </a:r>
          </a:p>
        </p:txBody>
      </p:sp>
      <p:sp>
        <p:nvSpPr>
          <p:cNvPr id="24" name="Heading"/>
          <p:cNvSpPr/>
          <p:nvPr/>
        </p:nvSpPr>
        <p:spPr bwMode="auto">
          <a:xfrm>
            <a:off x="0" y="762000"/>
            <a:ext cx="1735138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Skill Closure</a:t>
            </a:r>
          </a:p>
        </p:txBody>
      </p:sp>
      <p:sp>
        <p:nvSpPr>
          <p:cNvPr id="26" name="Heading"/>
          <p:cNvSpPr/>
          <p:nvPr/>
        </p:nvSpPr>
        <p:spPr bwMode="auto">
          <a:xfrm>
            <a:off x="0" y="4921250"/>
            <a:ext cx="2212975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spcBef>
                <a:spcPts val="500"/>
              </a:spcBef>
              <a:spcAft>
                <a:spcPts val="500"/>
              </a:spcAft>
              <a:defRPr/>
            </a:pPr>
            <a:r>
              <a:rPr lang="en-US" sz="1200" b="1" dirty="0">
                <a:solidFill>
                  <a:srgbClr val="FFFFFF"/>
                </a:solidFill>
                <a:latin typeface="Gill Sans MT" pitchFamily="34" charset="0"/>
                <a:cs typeface="Arial" pitchFamily="34" charset="0"/>
              </a:rPr>
              <a:t>Access Common Core</a:t>
            </a:r>
            <a:endParaRPr lang="en-US" sz="1200" dirty="0">
              <a:cs typeface="Arial" pitchFamily="34" charset="0"/>
            </a:endParaRPr>
          </a:p>
        </p:txBody>
      </p:sp>
      <p:sp>
        <p:nvSpPr>
          <p:cNvPr id="30" name="Heading"/>
          <p:cNvSpPr/>
          <p:nvPr/>
        </p:nvSpPr>
        <p:spPr bwMode="auto">
          <a:xfrm>
            <a:off x="0" y="5715000"/>
            <a:ext cx="1735138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Summary Closure</a:t>
            </a:r>
          </a:p>
        </p:txBody>
      </p:sp>
      <p:grpSp>
        <p:nvGrpSpPr>
          <p:cNvPr id="6" name="Group 5" hidden="1"/>
          <p:cNvGrpSpPr/>
          <p:nvPr/>
        </p:nvGrpSpPr>
        <p:grpSpPr>
          <a:xfrm>
            <a:off x="9966901" y="1996060"/>
            <a:ext cx="1581126" cy="1645092"/>
            <a:chOff x="7103875" y="3002667"/>
            <a:chExt cx="1437387" cy="1645092"/>
          </a:xfrm>
          <a:solidFill>
            <a:schemeClr val="tx1">
              <a:lumMod val="65000"/>
              <a:lumOff val="35000"/>
            </a:schemeClr>
          </a:solidFill>
        </p:grpSpPr>
        <p:grpSp>
          <p:nvGrpSpPr>
            <p:cNvPr id="3" name="Group 2"/>
            <p:cNvGrpSpPr/>
            <p:nvPr/>
          </p:nvGrpSpPr>
          <p:grpSpPr>
            <a:xfrm>
              <a:off x="7124242" y="3002667"/>
              <a:ext cx="1375233" cy="487541"/>
              <a:chOff x="7543123" y="2182634"/>
              <a:chExt cx="905552" cy="321032"/>
            </a:xfrm>
            <a:grpFill/>
          </p:grpSpPr>
          <p:sp>
            <p:nvSpPr>
              <p:cNvPr id="31" name="Isosceles Triangle 30"/>
              <p:cNvSpPr/>
              <p:nvPr/>
            </p:nvSpPr>
            <p:spPr bwMode="auto">
              <a:xfrm>
                <a:off x="7543123" y="2182634"/>
                <a:ext cx="905552" cy="321032"/>
              </a:xfrm>
              <a:prstGeom prst="triangle">
                <a:avLst/>
              </a:prstGeom>
              <a:grpFill/>
              <a:ln cap="sq">
                <a:noFill/>
              </a:ln>
              <a:effectLst/>
              <a:extLst/>
            </p:spPr>
            <p:txBody>
              <a:bodyPr lIns="0" tIns="0" rIns="0" bIns="0" anchor="ctr">
                <a:spAutoFit/>
              </a:bodyPr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2" name="Isosceles Triangle 1"/>
              <p:cNvSpPr/>
              <p:nvPr/>
            </p:nvSpPr>
            <p:spPr bwMode="auto">
              <a:xfrm>
                <a:off x="7670799" y="2252663"/>
                <a:ext cx="650200" cy="209550"/>
              </a:xfrm>
              <a:prstGeom prst="triangle">
                <a:avLst/>
              </a:prstGeom>
              <a:grpFill/>
              <a:ln w="19050" cap="sq">
                <a:solidFill>
                  <a:schemeClr val="bg1"/>
                </a:solidFill>
                <a:miter lim="800000"/>
              </a:ln>
              <a:effectLst/>
              <a:extLst/>
            </p:spPr>
            <p:txBody>
              <a:bodyPr wrap="none" lIns="0" tIns="0" rIns="0" bIns="0" anchor="ctr">
                <a:spAutoFit/>
              </a:bodyPr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</p:grpSp>
        <p:sp>
          <p:nvSpPr>
            <p:cNvPr id="4" name="Rectangle 3"/>
            <p:cNvSpPr/>
            <p:nvPr/>
          </p:nvSpPr>
          <p:spPr bwMode="auto">
            <a:xfrm>
              <a:off x="7198872" y="3552825"/>
              <a:ext cx="99500" cy="915657"/>
            </a:xfrm>
            <a:prstGeom prst="rect">
              <a:avLst/>
            </a:prstGeom>
            <a:grpFill/>
            <a:ln>
              <a:noFill/>
            </a:ln>
            <a:effectLst/>
            <a:extLst/>
          </p:spPr>
          <p:txBody>
            <a:bodyPr wrap="none" lIns="0" tIns="0" rIns="0" bIns="0" anchor="ctr">
              <a:spAutoFit/>
            </a:bodyPr>
            <a:lstStyle/>
            <a:p>
              <a:pPr algn="ctr" defTabSz="914400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en-US" kern="0" dirty="0">
                <a:latin typeface="Arial" pitchFamily="34" charset="0"/>
              </a:endParaRPr>
            </a:p>
          </p:txBody>
        </p:sp>
        <p:sp>
          <p:nvSpPr>
            <p:cNvPr id="33" name="Rectangle 32"/>
            <p:cNvSpPr/>
            <p:nvPr/>
          </p:nvSpPr>
          <p:spPr bwMode="auto">
            <a:xfrm>
              <a:off x="8346762" y="3552825"/>
              <a:ext cx="99500" cy="915657"/>
            </a:xfrm>
            <a:prstGeom prst="rect">
              <a:avLst/>
            </a:prstGeom>
            <a:grpFill/>
            <a:ln>
              <a:noFill/>
            </a:ln>
            <a:effectLst/>
            <a:extLst/>
          </p:spPr>
          <p:txBody>
            <a:bodyPr wrap="none" lIns="0" tIns="0" rIns="0" bIns="0" anchor="ctr">
              <a:spAutoFit/>
            </a:bodyPr>
            <a:lstStyle/>
            <a:p>
              <a:pPr algn="ctr" defTabSz="914400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en-US" kern="0" dirty="0">
                <a:latin typeface="Arial" pitchFamily="34" charset="0"/>
              </a:endParaRPr>
            </a:p>
          </p:txBody>
        </p:sp>
        <p:grpSp>
          <p:nvGrpSpPr>
            <p:cNvPr id="5" name="Group 4"/>
            <p:cNvGrpSpPr/>
            <p:nvPr/>
          </p:nvGrpSpPr>
          <p:grpSpPr>
            <a:xfrm>
              <a:off x="7103875" y="4510871"/>
              <a:ext cx="1437387" cy="136888"/>
              <a:chOff x="7103875" y="4510871"/>
              <a:chExt cx="1437387" cy="136888"/>
            </a:xfrm>
            <a:grpFill/>
          </p:grpSpPr>
          <p:sp>
            <p:nvSpPr>
              <p:cNvPr id="34" name="Rectangle 33"/>
              <p:cNvSpPr/>
              <p:nvPr/>
            </p:nvSpPr>
            <p:spPr bwMode="auto">
              <a:xfrm rot="16200000">
                <a:off x="7797039" y="3902258"/>
                <a:ext cx="51059" cy="1268285"/>
              </a:xfrm>
              <a:prstGeom prst="rect">
                <a:avLst/>
              </a:prstGeom>
              <a:grpFill/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35" name="Rectangle 34"/>
              <p:cNvSpPr/>
              <p:nvPr/>
            </p:nvSpPr>
            <p:spPr bwMode="auto">
              <a:xfrm rot="16200000">
                <a:off x="7796783" y="3903606"/>
                <a:ext cx="51570" cy="1346311"/>
              </a:xfrm>
              <a:prstGeom prst="rect">
                <a:avLst/>
              </a:prstGeom>
              <a:grpFill/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36" name="Rectangle 35"/>
              <p:cNvSpPr/>
              <p:nvPr/>
            </p:nvSpPr>
            <p:spPr bwMode="auto">
              <a:xfrm rot="16200000">
                <a:off x="7794486" y="3900983"/>
                <a:ext cx="56165" cy="1437387"/>
              </a:xfrm>
              <a:prstGeom prst="rect">
                <a:avLst/>
              </a:prstGeom>
              <a:grpFill/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</p:grpSp>
      </p:grpSp>
      <p:grpSp>
        <p:nvGrpSpPr>
          <p:cNvPr id="11273" name="Group 9" hidden="1"/>
          <p:cNvGrpSpPr>
            <a:grpSpLocks/>
          </p:cNvGrpSpPr>
          <p:nvPr/>
        </p:nvGrpSpPr>
        <p:grpSpPr bwMode="auto">
          <a:xfrm>
            <a:off x="10106025" y="263525"/>
            <a:ext cx="1581150" cy="1536700"/>
            <a:chOff x="7284457" y="2240774"/>
            <a:chExt cx="1581126" cy="1537569"/>
          </a:xfrm>
        </p:grpSpPr>
        <p:grpSp>
          <p:nvGrpSpPr>
            <p:cNvPr id="42" name="Group 41"/>
            <p:cNvGrpSpPr/>
            <p:nvPr/>
          </p:nvGrpSpPr>
          <p:grpSpPr>
            <a:xfrm>
              <a:off x="7306861" y="2240774"/>
              <a:ext cx="1512757" cy="402926"/>
              <a:chOff x="7543123" y="2229819"/>
              <a:chExt cx="905552" cy="265315"/>
            </a:xfrm>
            <a:solidFill>
              <a:schemeClr val="tx1">
                <a:lumMod val="65000"/>
                <a:lumOff val="35000"/>
              </a:schemeClr>
            </a:solidFill>
          </p:grpSpPr>
          <p:sp>
            <p:nvSpPr>
              <p:cNvPr id="49" name="Isosceles Triangle 48"/>
              <p:cNvSpPr/>
              <p:nvPr/>
            </p:nvSpPr>
            <p:spPr bwMode="auto">
              <a:xfrm>
                <a:off x="7543123" y="2229819"/>
                <a:ext cx="905552" cy="265315"/>
              </a:xfrm>
              <a:prstGeom prst="triangle">
                <a:avLst/>
              </a:prstGeom>
              <a:grpFill/>
              <a:ln cap="sq">
                <a:noFill/>
              </a:ln>
              <a:effectLst/>
              <a:extLst/>
            </p:spPr>
            <p:txBody>
              <a:bodyPr lIns="0" tIns="0" rIns="0" bIns="0" anchor="ctr">
                <a:spAutoFit/>
              </a:bodyPr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50" name="Isosceles Triangle 49"/>
              <p:cNvSpPr/>
              <p:nvPr/>
            </p:nvSpPr>
            <p:spPr bwMode="auto">
              <a:xfrm>
                <a:off x="7670799" y="2252663"/>
                <a:ext cx="650200" cy="209550"/>
              </a:xfrm>
              <a:prstGeom prst="triangle">
                <a:avLst/>
              </a:prstGeom>
              <a:grpFill/>
              <a:ln w="19050" cap="sq">
                <a:noFill/>
                <a:miter lim="800000"/>
              </a:ln>
              <a:effectLst/>
              <a:extLst/>
            </p:spPr>
            <p:txBody>
              <a:bodyPr wrap="none" lIns="0" tIns="0" rIns="0" bIns="0" anchor="ctr">
                <a:spAutoFit/>
              </a:bodyPr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</p:grpSp>
        <p:sp>
          <p:nvSpPr>
            <p:cNvPr id="43" name="Rectangle 42"/>
            <p:cNvSpPr/>
            <p:nvPr/>
          </p:nvSpPr>
          <p:spPr bwMode="auto">
            <a:xfrm>
              <a:off x="7389230" y="2683937"/>
              <a:ext cx="109536" cy="914917"/>
            </a:xfrm>
            <a:prstGeom prst="rect">
              <a:avLst/>
            </a:prstGeom>
            <a:solidFill>
              <a:schemeClr val="tx1">
                <a:lumMod val="65000"/>
                <a:lumOff val="35000"/>
              </a:schemeClr>
            </a:solidFill>
            <a:ln>
              <a:noFill/>
            </a:ln>
            <a:effectLst/>
            <a:extLst/>
          </p:spPr>
          <p:txBody>
            <a:bodyPr wrap="none" lIns="0" tIns="0" rIns="0" bIns="0" anchor="ctr">
              <a:spAutoFit/>
            </a:bodyPr>
            <a:lstStyle/>
            <a:p>
              <a:pPr algn="ctr" defTabSz="914400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en-US" kern="0" dirty="0">
                <a:latin typeface="Arial" pitchFamily="34" charset="0"/>
              </a:endParaRPr>
            </a:p>
          </p:txBody>
        </p:sp>
        <p:sp>
          <p:nvSpPr>
            <p:cNvPr id="44" name="Rectangle 43"/>
            <p:cNvSpPr/>
            <p:nvPr/>
          </p:nvSpPr>
          <p:spPr bwMode="auto">
            <a:xfrm>
              <a:off x="8651274" y="2683937"/>
              <a:ext cx="109535" cy="914917"/>
            </a:xfrm>
            <a:prstGeom prst="rect">
              <a:avLst/>
            </a:prstGeom>
            <a:solidFill>
              <a:schemeClr val="tx1">
                <a:lumMod val="65000"/>
                <a:lumOff val="35000"/>
              </a:schemeClr>
            </a:solidFill>
            <a:ln>
              <a:noFill/>
            </a:ln>
            <a:effectLst/>
            <a:extLst/>
          </p:spPr>
          <p:txBody>
            <a:bodyPr wrap="none" lIns="0" tIns="0" rIns="0" bIns="0" anchor="ctr">
              <a:spAutoFit/>
            </a:bodyPr>
            <a:lstStyle/>
            <a:p>
              <a:pPr algn="ctr" defTabSz="914400" fontAlgn="auto">
                <a:spcBef>
                  <a:spcPts val="0"/>
                </a:spcBef>
                <a:spcAft>
                  <a:spcPts val="0"/>
                </a:spcAft>
                <a:defRPr/>
              </a:pPr>
              <a:endParaRPr lang="en-US" kern="0" dirty="0">
                <a:latin typeface="Arial" pitchFamily="34" charset="0"/>
              </a:endParaRPr>
            </a:p>
          </p:txBody>
        </p:sp>
        <p:grpSp>
          <p:nvGrpSpPr>
            <p:cNvPr id="45" name="Group 44"/>
            <p:cNvGrpSpPr/>
            <p:nvPr/>
          </p:nvGrpSpPr>
          <p:grpSpPr>
            <a:xfrm>
              <a:off x="7284457" y="3641455"/>
              <a:ext cx="1581126" cy="136888"/>
              <a:chOff x="7103875" y="4510871"/>
              <a:chExt cx="1437387" cy="136888"/>
            </a:xfrm>
            <a:solidFill>
              <a:schemeClr val="tx1">
                <a:lumMod val="65000"/>
                <a:lumOff val="35000"/>
              </a:schemeClr>
            </a:solidFill>
          </p:grpSpPr>
          <p:sp>
            <p:nvSpPr>
              <p:cNvPr id="46" name="Rectangle 45"/>
              <p:cNvSpPr/>
              <p:nvPr/>
            </p:nvSpPr>
            <p:spPr bwMode="auto">
              <a:xfrm rot="16200000">
                <a:off x="7797039" y="3902258"/>
                <a:ext cx="51059" cy="1268285"/>
              </a:xfrm>
              <a:prstGeom prst="rect">
                <a:avLst/>
              </a:prstGeom>
              <a:grpFill/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47" name="Rectangle 46"/>
              <p:cNvSpPr/>
              <p:nvPr/>
            </p:nvSpPr>
            <p:spPr bwMode="auto">
              <a:xfrm rot="16200000">
                <a:off x="7796783" y="3903606"/>
                <a:ext cx="51570" cy="1346311"/>
              </a:xfrm>
              <a:prstGeom prst="rect">
                <a:avLst/>
              </a:prstGeom>
              <a:grpFill/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48" name="Rectangle 47"/>
              <p:cNvSpPr/>
              <p:nvPr/>
            </p:nvSpPr>
            <p:spPr bwMode="auto">
              <a:xfrm rot="16200000">
                <a:off x="7794486" y="3900983"/>
                <a:ext cx="56165" cy="1437387"/>
              </a:xfrm>
              <a:prstGeom prst="rect">
                <a:avLst/>
              </a:prstGeom>
              <a:grpFill/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</p:grpSp>
        <p:sp>
          <p:nvSpPr>
            <p:cNvPr id="11338" name="TextBox 7"/>
            <p:cNvSpPr txBox="1">
              <a:spLocks noChangeArrowheads="1"/>
            </p:cNvSpPr>
            <p:nvPr/>
          </p:nvSpPr>
          <p:spPr bwMode="auto">
            <a:xfrm>
              <a:off x="7536909" y="2380924"/>
              <a:ext cx="1018612" cy="307777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algn="ctr" eaLnBrk="1" hangingPunct="1"/>
              <a:r>
                <a:rPr lang="en-US" altLang="en-US" sz="1400">
                  <a:solidFill>
                    <a:schemeClr val="bg1"/>
                  </a:solidFill>
                  <a:latin typeface="Gill Sans MT" panose="020B0502020104020203" pitchFamily="34" charset="0"/>
                </a:rPr>
                <a:t>Word Bank</a:t>
              </a:r>
            </a:p>
          </p:txBody>
        </p:sp>
      </p:grpSp>
      <p:grpSp>
        <p:nvGrpSpPr>
          <p:cNvPr id="11274" name="Group 36" hidden="1"/>
          <p:cNvGrpSpPr>
            <a:grpSpLocks/>
          </p:cNvGrpSpPr>
          <p:nvPr/>
        </p:nvGrpSpPr>
        <p:grpSpPr bwMode="auto">
          <a:xfrm>
            <a:off x="4933950" y="3622675"/>
            <a:ext cx="1924050" cy="2366963"/>
            <a:chOff x="4933682" y="3623403"/>
            <a:chExt cx="1924318" cy="2365889"/>
          </a:xfrm>
        </p:grpSpPr>
        <p:pic>
          <p:nvPicPr>
            <p:cNvPr id="11325" name="Picture 28" descr="C:\Documents and Settings\jim\Desktop\Transparent PNG\White card 000018320345.png"/>
            <p:cNvPicPr>
              <a:picLocks noChangeAspect="1" noChangeArrowheads="1"/>
            </p:cNvPicPr>
            <p:nvPr/>
          </p:nvPicPr>
          <p:blipFill>
            <a:blip r:embed="rId5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4933682" y="3623403"/>
              <a:ext cx="1924318" cy="2365889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grpSp>
          <p:nvGrpSpPr>
            <p:cNvPr id="11326" name="Group 18"/>
            <p:cNvGrpSpPr>
              <a:grpSpLocks/>
            </p:cNvGrpSpPr>
            <p:nvPr/>
          </p:nvGrpSpPr>
          <p:grpSpPr bwMode="auto">
            <a:xfrm>
              <a:off x="5048600" y="5669526"/>
              <a:ext cx="1704969" cy="136888"/>
              <a:chOff x="5022500" y="5278602"/>
              <a:chExt cx="1739239" cy="136888"/>
            </a:xfrm>
          </p:grpSpPr>
          <p:sp>
            <p:nvSpPr>
              <p:cNvPr id="69" name="Rectangle 68"/>
              <p:cNvSpPr/>
              <p:nvPr/>
            </p:nvSpPr>
            <p:spPr bwMode="auto">
              <a:xfrm rot="16200000">
                <a:off x="5866241" y="4535520"/>
                <a:ext cx="50777" cy="1535413"/>
              </a:xfrm>
              <a:prstGeom prst="rect">
                <a:avLst/>
              </a:prstGeom>
              <a:solidFill>
                <a:schemeClr val="tx1">
                  <a:lumMod val="65000"/>
                  <a:lumOff val="35000"/>
                </a:schemeClr>
              </a:solidFill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70" name="Rectangle 69"/>
              <p:cNvSpPr/>
              <p:nvPr/>
            </p:nvSpPr>
            <p:spPr bwMode="auto">
              <a:xfrm rot="16200000">
                <a:off x="5865448" y="4529013"/>
                <a:ext cx="52364" cy="1629352"/>
              </a:xfrm>
              <a:prstGeom prst="rect">
                <a:avLst/>
              </a:prstGeom>
              <a:solidFill>
                <a:schemeClr val="tx1">
                  <a:lumMod val="65000"/>
                  <a:lumOff val="35000"/>
                </a:schemeClr>
              </a:solidFill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71" name="Rectangle 70"/>
              <p:cNvSpPr/>
              <p:nvPr/>
            </p:nvSpPr>
            <p:spPr bwMode="auto">
              <a:xfrm rot="16200000">
                <a:off x="5863068" y="4517582"/>
                <a:ext cx="57124" cy="1739487"/>
              </a:xfrm>
              <a:prstGeom prst="rect">
                <a:avLst/>
              </a:prstGeom>
              <a:solidFill>
                <a:schemeClr val="tx1">
                  <a:lumMod val="65000"/>
                  <a:lumOff val="35000"/>
                </a:schemeClr>
              </a:solidFill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</p:grpSp>
        <p:grpSp>
          <p:nvGrpSpPr>
            <p:cNvPr id="55" name="Group 54"/>
            <p:cNvGrpSpPr/>
            <p:nvPr/>
          </p:nvGrpSpPr>
          <p:grpSpPr>
            <a:xfrm>
              <a:off x="5060103" y="3692334"/>
              <a:ext cx="1664032" cy="402926"/>
              <a:chOff x="7497845" y="2229819"/>
              <a:chExt cx="996107" cy="265315"/>
            </a:xfrm>
            <a:solidFill>
              <a:schemeClr val="tx1">
                <a:lumMod val="65000"/>
                <a:lumOff val="35000"/>
              </a:schemeClr>
            </a:solidFill>
          </p:grpSpPr>
          <p:sp>
            <p:nvSpPr>
              <p:cNvPr id="72" name="Isosceles Triangle 71"/>
              <p:cNvSpPr/>
              <p:nvPr/>
            </p:nvSpPr>
            <p:spPr bwMode="auto">
              <a:xfrm>
                <a:off x="7497845" y="2229819"/>
                <a:ext cx="996107" cy="265315"/>
              </a:xfrm>
              <a:prstGeom prst="triangle">
                <a:avLst/>
              </a:prstGeom>
              <a:grpFill/>
              <a:ln cap="sq">
                <a:noFill/>
              </a:ln>
              <a:effectLst/>
              <a:extLst/>
            </p:spPr>
            <p:txBody>
              <a:bodyPr lIns="0" tIns="0" rIns="0" bIns="0" anchor="ctr">
                <a:spAutoFit/>
              </a:bodyPr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73" name="Isosceles Triangle 72"/>
              <p:cNvSpPr/>
              <p:nvPr/>
            </p:nvSpPr>
            <p:spPr bwMode="auto">
              <a:xfrm>
                <a:off x="7670799" y="2252663"/>
                <a:ext cx="650200" cy="209550"/>
              </a:xfrm>
              <a:prstGeom prst="triangle">
                <a:avLst/>
              </a:prstGeom>
              <a:grpFill/>
              <a:ln w="19050" cap="sq">
                <a:noFill/>
                <a:miter lim="800000"/>
              </a:ln>
              <a:effectLst/>
              <a:extLst/>
            </p:spPr>
            <p:txBody>
              <a:bodyPr wrap="none" lIns="0" tIns="0" rIns="0" bIns="0" anchor="ctr">
                <a:spAutoFit/>
              </a:bodyPr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</p:grpSp>
        <p:grpSp>
          <p:nvGrpSpPr>
            <p:cNvPr id="11328" name="Group 20"/>
            <p:cNvGrpSpPr>
              <a:grpSpLocks/>
            </p:cNvGrpSpPr>
            <p:nvPr/>
          </p:nvGrpSpPr>
          <p:grpSpPr bwMode="auto">
            <a:xfrm>
              <a:off x="5161574" y="4128085"/>
              <a:ext cx="1461090" cy="1510715"/>
              <a:chOff x="5156930" y="4128085"/>
              <a:chExt cx="1461090" cy="1510715"/>
            </a:xfrm>
          </p:grpSpPr>
          <p:sp>
            <p:nvSpPr>
              <p:cNvPr id="74" name="Rectangle 73"/>
              <p:cNvSpPr/>
              <p:nvPr/>
            </p:nvSpPr>
            <p:spPr bwMode="auto">
              <a:xfrm>
                <a:off x="5157670" y="4127999"/>
                <a:ext cx="74623" cy="1510614"/>
              </a:xfrm>
              <a:prstGeom prst="rect">
                <a:avLst/>
              </a:prstGeom>
              <a:solidFill>
                <a:schemeClr val="tx1">
                  <a:lumMod val="65000"/>
                  <a:lumOff val="35000"/>
                </a:schemeClr>
              </a:solidFill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  <p:sp>
            <p:nvSpPr>
              <p:cNvPr id="75" name="Rectangle 74"/>
              <p:cNvSpPr/>
              <p:nvPr/>
            </p:nvSpPr>
            <p:spPr bwMode="auto">
              <a:xfrm>
                <a:off x="6543751" y="4127999"/>
                <a:ext cx="74622" cy="1510614"/>
              </a:xfrm>
              <a:prstGeom prst="rect">
                <a:avLst/>
              </a:prstGeom>
              <a:solidFill>
                <a:schemeClr val="tx1">
                  <a:lumMod val="65000"/>
                  <a:lumOff val="35000"/>
                </a:schemeClr>
              </a:solidFill>
              <a:ln>
                <a:noFill/>
              </a:ln>
              <a:effectLst/>
              <a:extLst/>
            </p:spPr>
            <p:txBody>
              <a:bodyPr wrap="none" lIns="0" tIns="0" rIns="0" bIns="0" anchor="ctr"/>
              <a:lstStyle/>
              <a:p>
                <a:pPr algn="ctr" defTabSz="914400" fontAlgn="auto">
                  <a:spcBef>
                    <a:spcPts val="0"/>
                  </a:spcBef>
                  <a:spcAft>
                    <a:spcPts val="0"/>
                  </a:spcAft>
                  <a:defRPr/>
                </a:pPr>
                <a:endParaRPr lang="en-US" kern="0" dirty="0">
                  <a:latin typeface="Arial" pitchFamily="34" charset="0"/>
                </a:endParaRPr>
              </a:p>
            </p:txBody>
          </p:sp>
        </p:grpSp>
      </p:grpSp>
      <p:grpSp>
        <p:nvGrpSpPr>
          <p:cNvPr id="11275" name="Group 37"/>
          <p:cNvGrpSpPr>
            <a:grpSpLocks/>
          </p:cNvGrpSpPr>
          <p:nvPr/>
        </p:nvGrpSpPr>
        <p:grpSpPr bwMode="auto">
          <a:xfrm>
            <a:off x="7026275" y="2971800"/>
            <a:ext cx="1752600" cy="2149475"/>
            <a:chOff x="3695989" y="2287155"/>
            <a:chExt cx="1752023" cy="2150341"/>
          </a:xfrm>
        </p:grpSpPr>
        <p:pic>
          <p:nvPicPr>
            <p:cNvPr id="11322" name="Picture 32"/>
            <p:cNvPicPr>
              <a:picLocks noChangeAspect="1" noChangeArrowheads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3695989" y="2287155"/>
              <a:ext cx="1752023" cy="2150341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  <p:sp>
          <p:nvSpPr>
            <p:cNvPr id="11323" name="TextBox 82"/>
            <p:cNvSpPr txBox="1">
              <a:spLocks noChangeArrowheads="1"/>
            </p:cNvSpPr>
            <p:nvPr/>
          </p:nvSpPr>
          <p:spPr bwMode="auto">
            <a:xfrm>
              <a:off x="4062694" y="2471363"/>
              <a:ext cx="1018612" cy="31124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algn="ctr" eaLnBrk="1" hangingPunct="1"/>
              <a:r>
                <a:rPr lang="en-US" altLang="en-US" sz="1400">
                  <a:solidFill>
                    <a:schemeClr val="bg1"/>
                  </a:solidFill>
                  <a:latin typeface="Gill Sans MT" panose="020B0502020104020203" pitchFamily="34" charset="0"/>
                </a:rPr>
                <a:t>Word Bank</a:t>
              </a:r>
            </a:p>
          </p:txBody>
        </p:sp>
        <p:sp>
          <p:nvSpPr>
            <p:cNvPr id="11324" name="TextBox 77"/>
            <p:cNvSpPr txBox="1">
              <a:spLocks noChangeArrowheads="1"/>
            </p:cNvSpPr>
            <p:nvPr/>
          </p:nvSpPr>
          <p:spPr bwMode="auto">
            <a:xfrm>
              <a:off x="3915626" y="2747620"/>
              <a:ext cx="1312748" cy="1323972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algn="ctr" eaLnBrk="1" hangingPunct="1"/>
              <a:r>
                <a:rPr lang="en-US" altLang="en-US" sz="1600">
                  <a:latin typeface="Arial" panose="020B0604020202020204" pitchFamily="34" charset="0"/>
                </a:rPr>
                <a:t>construct</a:t>
              </a:r>
            </a:p>
            <a:p>
              <a:pPr algn="ctr" eaLnBrk="1" hangingPunct="1"/>
              <a:r>
                <a:rPr lang="en-US" altLang="en-US" sz="1600">
                  <a:latin typeface="Arial" panose="020B0604020202020204" pitchFamily="34" charset="0"/>
                </a:rPr>
                <a:t>two-way</a:t>
              </a:r>
            </a:p>
            <a:p>
              <a:pPr algn="ctr" eaLnBrk="1" hangingPunct="1"/>
              <a:r>
                <a:rPr lang="en-US" altLang="en-US" sz="1600">
                  <a:latin typeface="Arial" panose="020B0604020202020204" pitchFamily="34" charset="0"/>
                </a:rPr>
                <a:t>frequency</a:t>
              </a:r>
            </a:p>
            <a:p>
              <a:pPr algn="ctr" eaLnBrk="1" hangingPunct="1"/>
              <a:r>
                <a:rPr lang="en-US" altLang="en-US" sz="1600">
                  <a:latin typeface="Arial" panose="020B0604020202020204" pitchFamily="34" charset="0"/>
                </a:rPr>
                <a:t>tables</a:t>
              </a:r>
            </a:p>
            <a:p>
              <a:pPr algn="ctr" eaLnBrk="1" hangingPunct="1"/>
              <a:r>
                <a:rPr lang="en-US" altLang="en-US" sz="1600">
                  <a:latin typeface="Arial" panose="020B0604020202020204" pitchFamily="34" charset="0"/>
                </a:rPr>
                <a:t>approximate</a:t>
              </a:r>
            </a:p>
          </p:txBody>
        </p:sp>
      </p:grpSp>
      <p:sp>
        <p:nvSpPr>
          <p:cNvPr id="65" name="Rectangle 21"/>
          <p:cNvSpPr>
            <a:spLocks noChangeArrowheads="1"/>
          </p:cNvSpPr>
          <p:nvPr/>
        </p:nvSpPr>
        <p:spPr bwMode="auto">
          <a:xfrm>
            <a:off x="0" y="177800"/>
            <a:ext cx="5303838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defTabSz="914400">
              <a:defRPr/>
            </a:pP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A </a:t>
            </a:r>
            <a:r>
              <a:rPr lang="en-US" sz="1600" b="1" u="sng" dirty="0">
                <a:solidFill>
                  <a:srgbClr val="000000"/>
                </a:solidFill>
                <a:latin typeface="Arial" charset="0"/>
                <a:cs typeface="+mn-cs"/>
              </a:rPr>
              <a:t>two-way frequency table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 shows data from one</a:t>
            </a:r>
            <a:r>
              <a:rPr lang="en-US" sz="1600" b="1" dirty="0">
                <a:solidFill>
                  <a:srgbClr val="000000"/>
                </a:solidFill>
                <a:latin typeface="Arial" charset="0"/>
                <a:cs typeface="+mn-cs"/>
              </a:rPr>
              <a:t> sample group 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as it relates to </a:t>
            </a:r>
            <a:r>
              <a:rPr lang="en-US" sz="1600" b="1" dirty="0">
                <a:solidFill>
                  <a:srgbClr val="000000"/>
                </a:solidFill>
                <a:latin typeface="Arial" charset="0"/>
                <a:cs typeface="+mn-cs"/>
              </a:rPr>
              <a:t>two different categories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.</a:t>
            </a:r>
          </a:p>
        </p:txBody>
      </p:sp>
      <p:sp>
        <p:nvSpPr>
          <p:cNvPr id="61" name="Rectangle 3"/>
          <p:cNvSpPr>
            <a:spLocks noChangeArrowheads="1"/>
          </p:cNvSpPr>
          <p:nvPr/>
        </p:nvSpPr>
        <p:spPr bwMode="auto">
          <a:xfrm>
            <a:off x="0" y="5168900"/>
            <a:ext cx="62182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>
              <a:defRPr/>
            </a:pPr>
            <a:r>
              <a:rPr lang="en-US" sz="1400" dirty="0">
                <a:solidFill>
                  <a:srgbClr val="000000"/>
                </a:solidFill>
                <a:latin typeface="Arial" pitchFamily="34" charset="0"/>
              </a:rPr>
              <a:t>Which route is Larry better off taking? Explain your answer using data from the two-way table.</a:t>
            </a:r>
            <a:endParaRPr lang="en-US" sz="1200" dirty="0">
              <a:solidFill>
                <a:schemeClr val="tx1">
                  <a:lumMod val="50000"/>
                  <a:lumOff val="50000"/>
                </a:schemeClr>
              </a:solidFill>
              <a:latin typeface="Arial" pitchFamily="34" charset="0"/>
            </a:endParaRPr>
          </a:p>
        </p:txBody>
      </p:sp>
      <p:graphicFrame>
        <p:nvGraphicFramePr>
          <p:cNvPr id="62" name="Table 61"/>
          <p:cNvGraphicFramePr>
            <a:graphicFrameLocks noGrp="1"/>
          </p:cNvGraphicFramePr>
          <p:nvPr/>
        </p:nvGraphicFramePr>
        <p:xfrm>
          <a:off x="1490663" y="2930525"/>
          <a:ext cx="3876674" cy="1024008"/>
        </p:xfrm>
        <a:graphic>
          <a:graphicData uri="http://schemas.openxmlformats.org/drawingml/2006/table">
            <a:tbl>
              <a:tblPr firstRow="1" firstCol="1" bandRow="1"/>
              <a:tblGrid>
                <a:gridCol w="89737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96468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045445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969168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</a:tblGrid>
              <a:tr h="255985">
                <a:tc>
                  <a:txBody>
                    <a:bodyPr/>
                    <a:lstStyle/>
                    <a:p>
                      <a:pPr marL="0" marR="0" algn="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2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36561" marB="36561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Route A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Route</a:t>
                      </a:r>
                      <a:r>
                        <a:rPr lang="en-US" sz="1200" baseline="0" dirty="0">
                          <a:effectLst/>
                          <a:latin typeface="Gill Sans MT" pitchFamily="34" charset="0"/>
                          <a:ea typeface="Times New Roman"/>
                        </a:rPr>
                        <a:t> B</a:t>
                      </a:r>
                      <a:endParaRPr lang="en-US" sz="12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255985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On-Time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7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3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255985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Late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11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20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255985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18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200" b="1" dirty="0">
                          <a:solidFill>
                            <a:schemeClr val="accent3">
                              <a:lumMod val="50000"/>
                            </a:schemeClr>
                          </a:solidFill>
                          <a:effectLst/>
                          <a:latin typeface="Gill Sans MT" pitchFamily="34" charset="0"/>
                          <a:ea typeface="Times New Roman"/>
                        </a:rPr>
                        <a:t>30</a:t>
                      </a:r>
                    </a:p>
                  </a:txBody>
                  <a:tcPr marL="36582" marR="36582" marT="36561" marB="3656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</a:tbl>
          </a:graphicData>
        </a:graphic>
      </p:graphicFrame>
      <p:sp>
        <p:nvSpPr>
          <p:cNvPr id="11305" name="Rectangle 62"/>
          <p:cNvSpPr>
            <a:spLocks noChangeArrowheads="1"/>
          </p:cNvSpPr>
          <p:nvPr/>
        </p:nvSpPr>
        <p:spPr bwMode="auto">
          <a:xfrm>
            <a:off x="93663" y="2371725"/>
            <a:ext cx="6858000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/>
            <a:r>
              <a:rPr lang="en-US" altLang="en-US" sz="1400" i="1">
                <a:latin typeface="Gill Sans MT" panose="020B0502020104020203" pitchFamily="34" charset="0"/>
              </a:rPr>
              <a:t>Larry is regularly late for work. He decides it may be time to try an alternate route. During the next 6 weeks, he randomly selects between Route A and Route B, recording whether he is on-time or late.</a:t>
            </a:r>
            <a:endParaRPr lang="en-US" altLang="en-US" sz="1400">
              <a:latin typeface="Gill Sans MT" panose="020B0502020104020203" pitchFamily="34" charset="0"/>
            </a:endParaRPr>
          </a:p>
        </p:txBody>
      </p:sp>
      <p:graphicFrame>
        <p:nvGraphicFramePr>
          <p:cNvPr id="64" name="Table 63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22838960"/>
              </p:ext>
            </p:extLst>
          </p:nvPr>
        </p:nvGraphicFramePr>
        <p:xfrm>
          <a:off x="93663" y="3978275"/>
          <a:ext cx="6581774" cy="91440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29088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329088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914400"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1. 	Estimate the probability Larry will be on-time.</a:t>
                      </a:r>
                    </a:p>
                  </a:txBody>
                  <a:tcPr marL="91445" marR="91445" marT="45721" marB="45721">
                    <a:lnL w="12700" cmpd="sng">
                      <a:noFill/>
                    </a:lnL>
                    <a:lnR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635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2. 	Estimate the probability that Larry will be late, given that he selected Route</a:t>
                      </a:r>
                      <a:r>
                        <a:rPr lang="en-US" sz="1400" b="0" baseline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 A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.</a:t>
                      </a:r>
                    </a:p>
                  </a:txBody>
                  <a:tcPr marL="91445" marR="91445" marT="45721" marB="45721">
                    <a:lnL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635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</a:tbl>
          </a:graphicData>
        </a:graphic>
      </p:graphicFrame>
      <p:sp>
        <p:nvSpPr>
          <p:cNvPr id="66" name="Rectangle 65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405723" y="4487426"/>
            <a:ext cx="1527791" cy="307777"/>
          </a:xfrm>
          <a:prstGeom prst="rect">
            <a:avLst/>
          </a:prstGeom>
          <a:blipFill rotWithShape="1">
            <a:blip r:embed="rId7"/>
            <a:stretch>
              <a:fillRect b="-7843"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67" name="Rectangle 66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2131009" y="4487201"/>
            <a:ext cx="795089" cy="308226"/>
          </a:xfrm>
          <a:prstGeom prst="rect">
            <a:avLst/>
          </a:prstGeom>
          <a:blipFill rotWithShape="1">
            <a:blip r:embed="rId8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68" name="Rectangle 67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1812490" y="4390605"/>
            <a:ext cx="439544" cy="501419"/>
          </a:xfrm>
          <a:prstGeom prst="rect">
            <a:avLst/>
          </a:prstGeom>
          <a:blipFill rotWithShape="1">
            <a:blip r:embed="rId9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76" name="Rectangle 75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3563032" y="4629818"/>
            <a:ext cx="1774075" cy="307777"/>
          </a:xfrm>
          <a:prstGeom prst="rect">
            <a:avLst/>
          </a:prstGeom>
          <a:blipFill rotWithShape="1">
            <a:blip r:embed="rId10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77" name="Rectangle 76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5967206" y="4629593"/>
            <a:ext cx="795089" cy="308226"/>
          </a:xfrm>
          <a:prstGeom prst="rect">
            <a:avLst/>
          </a:prstGeom>
          <a:blipFill rotWithShape="1">
            <a:blip r:embed="rId11"/>
            <a:stretch>
              <a:fillRect r="-26154"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78" name="Rectangle 77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5302611" y="4434829"/>
            <a:ext cx="708464" cy="697755"/>
          </a:xfrm>
          <a:prstGeom prst="rect">
            <a:avLst/>
          </a:prstGeom>
          <a:blipFill rotWithShape="1">
            <a:blip r:embed="rId12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79" name="Rectangle 78"/>
          <p:cNvSpPr>
            <a:spLocks noChangeArrowheads="1"/>
          </p:cNvSpPr>
          <p:nvPr/>
        </p:nvSpPr>
        <p:spPr bwMode="auto">
          <a:xfrm>
            <a:off x="1798638" y="5440363"/>
            <a:ext cx="5553075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anchor="ctr">
            <a:spAutoFit/>
          </a:bodyPr>
          <a:lstStyle/>
          <a:p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</a:rPr>
              <a:t>Larry would be better off taking Route A. It is slightly less probable that he will be late with Route A [</a:t>
            </a:r>
            <a:r>
              <a:rPr lang="en-US" altLang="en-US" sz="1400" i="1">
                <a:solidFill>
                  <a:srgbClr val="FF0000"/>
                </a:solidFill>
                <a:latin typeface="Arial Narrow" panose="020B0606020202030204" pitchFamily="34" charset="0"/>
              </a:rPr>
              <a:t>P</a:t>
            </a:r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</a:rPr>
              <a:t>(late</a:t>
            </a:r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  <a:sym typeface="Symbol" panose="05050102010706020507" pitchFamily="18" charset="2"/>
              </a:rPr>
              <a:t>Route A) ≈ 0.61] </a:t>
            </a:r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</a:rPr>
              <a:t> than Route B [</a:t>
            </a:r>
            <a:r>
              <a:rPr lang="en-US" altLang="en-US" sz="1400" i="1">
                <a:solidFill>
                  <a:srgbClr val="FF0000"/>
                </a:solidFill>
                <a:latin typeface="Arial Narrow" panose="020B0606020202030204" pitchFamily="34" charset="0"/>
              </a:rPr>
              <a:t>P</a:t>
            </a:r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</a:rPr>
              <a:t>(late</a:t>
            </a:r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  <a:sym typeface="Symbol" panose="05050102010706020507" pitchFamily="18" charset="2"/>
              </a:rPr>
              <a:t>Route B) ≈ 0.75].</a:t>
            </a:r>
            <a:endParaRPr lang="en-US" altLang="en-US" sz="1400">
              <a:solidFill>
                <a:srgbClr val="FF0000"/>
              </a:solidFill>
              <a:latin typeface="Arial Narrow" panose="020B0606020202030204" pitchFamily="34" charset="0"/>
            </a:endParaRPr>
          </a:p>
        </p:txBody>
      </p:sp>
      <p:sp>
        <p:nvSpPr>
          <p:cNvPr id="80" name="Rounded Rectangle 79"/>
          <p:cNvSpPr/>
          <p:nvPr/>
        </p:nvSpPr>
        <p:spPr bwMode="auto">
          <a:xfrm>
            <a:off x="4395788" y="3186113"/>
            <a:ext cx="965200" cy="250825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82" name="Rounded Rectangle 81"/>
          <p:cNvSpPr/>
          <p:nvPr/>
        </p:nvSpPr>
        <p:spPr bwMode="auto">
          <a:xfrm>
            <a:off x="2384425" y="3449638"/>
            <a:ext cx="965200" cy="249237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83" name="Rounded Rectangle 82"/>
          <p:cNvSpPr/>
          <p:nvPr/>
        </p:nvSpPr>
        <p:spPr bwMode="auto">
          <a:xfrm>
            <a:off x="2384425" y="3697288"/>
            <a:ext cx="965200" cy="249237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cxnSp>
        <p:nvCxnSpPr>
          <p:cNvPr id="85" name="Straight Connector 84"/>
          <p:cNvCxnSpPr/>
          <p:nvPr/>
        </p:nvCxnSpPr>
        <p:spPr>
          <a:xfrm>
            <a:off x="5867400" y="2836863"/>
            <a:ext cx="944563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7" name="Straight Connector 86"/>
          <p:cNvCxnSpPr/>
          <p:nvPr/>
        </p:nvCxnSpPr>
        <p:spPr>
          <a:xfrm>
            <a:off x="2778125" y="2836863"/>
            <a:ext cx="1382713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</p:cSld>
  <p:clrMapOvr>
    <a:masterClrMapping/>
  </p:clrMapOvr>
  <p:transition spd="slow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4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 nodeType="clickPar">
                      <p:stCondLst>
                        <p:cond delay="indefinite"/>
                      </p:stCondLst>
                      <p:childTnLst>
                        <p:par>
                          <p:cTn id="3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 nodeType="clickPar">
                      <p:stCondLst>
                        <p:cond delay="indefinite"/>
                      </p:stCondLst>
                      <p:childTnLst>
                        <p:par>
                          <p:cTn id="4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6" fill="hold" nodeType="clickPar">
                      <p:stCondLst>
                        <p:cond delay="indefinite"/>
                      </p:stCondLst>
                      <p:childTnLst>
                        <p:par>
                          <p:cTn id="4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0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1" fill="hold" nodeType="clickPar">
                      <p:stCondLst>
                        <p:cond delay="indefinite"/>
                      </p:stCondLst>
                      <p:childTnLst>
                        <p:par>
                          <p:cTn id="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5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 nodeType="clickPar">
                      <p:stCondLst>
                        <p:cond delay="indefinite"/>
                      </p:stCondLst>
                      <p:childTnLst>
                        <p:par>
                          <p:cTn id="5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2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64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5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7" fill="hold" nodeType="clickPar">
                      <p:stCondLst>
                        <p:cond delay="indefinite"/>
                      </p:stCondLst>
                      <p:childTnLst>
                        <p:par>
                          <p:cTn id="68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9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1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79" grpId="0"/>
      <p:bldP spid="80" grpId="0" animBg="1"/>
      <p:bldP spid="80" grpId="1" animBg="1"/>
      <p:bldP spid="82" grpId="0" animBg="1"/>
      <p:bldP spid="82" grpId="1" animBg="1"/>
      <p:bldP spid="83" grpId="0" animBg="1"/>
      <p:bldP spid="83" grpId="1" animBg="1"/>
    </p:bld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3" name="Heading"/>
          <p:cNvSpPr/>
          <p:nvPr/>
        </p:nvSpPr>
        <p:spPr bwMode="auto">
          <a:xfrm>
            <a:off x="0" y="0"/>
            <a:ext cx="2214563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Activate Prior Knowledge</a:t>
            </a:r>
          </a:p>
        </p:txBody>
      </p:sp>
      <p:sp>
        <p:nvSpPr>
          <p:cNvPr id="4106" name="Rectangle 21"/>
          <p:cNvSpPr>
            <a:spLocks noChangeArrowheads="1"/>
          </p:cNvSpPr>
          <p:nvPr/>
        </p:nvSpPr>
        <p:spPr bwMode="auto">
          <a:xfrm>
            <a:off x="6350" y="392112"/>
            <a:ext cx="4233863" cy="4000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defTabSz="914400" eaLnBrk="1" hangingPunct="1">
              <a:spcBef>
                <a:spcPts val="1200"/>
              </a:spcBef>
            </a:pPr>
            <a:r>
              <a:rPr lang="en-US" altLang="en-US" sz="2000">
                <a:solidFill>
                  <a:srgbClr val="000000"/>
                </a:solidFill>
                <a:latin typeface="Arial" panose="020B0604020202020204" pitchFamily="34" charset="0"/>
              </a:rPr>
              <a:t>Find the probability of each event.</a:t>
            </a:r>
          </a:p>
        </p:txBody>
      </p:sp>
      <p:sp>
        <p:nvSpPr>
          <p:cNvPr id="4113" name="Rectangle 21"/>
          <p:cNvSpPr>
            <a:spLocks noChangeArrowheads="1"/>
          </p:cNvSpPr>
          <p:nvPr/>
        </p:nvSpPr>
        <p:spPr bwMode="auto">
          <a:xfrm>
            <a:off x="0" y="1014412"/>
            <a:ext cx="6309341" cy="92333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marL="342900" indent="-3429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defTabSz="914400" eaLnBrk="1" hangingPunct="1">
              <a:buFontTx/>
              <a:buAutoNum type="arabicPeriod"/>
            </a:pPr>
            <a:r>
              <a:rPr lang="en-US" altLang="en-US" dirty="0">
                <a:solidFill>
                  <a:srgbClr val="000000"/>
                </a:solidFill>
                <a:latin typeface="Arial" panose="020B0604020202020204" pitchFamily="34" charset="0"/>
              </a:rPr>
              <a:t>32 out of 100 high school students surveyed report that science is their favorite subject.</a:t>
            </a:r>
            <a:br>
              <a:rPr lang="en-US" altLang="en-US" dirty="0">
                <a:solidFill>
                  <a:srgbClr val="000000"/>
                </a:solidFill>
                <a:latin typeface="Arial" panose="020B0604020202020204" pitchFamily="34" charset="0"/>
              </a:rPr>
            </a:br>
            <a:r>
              <a:rPr lang="en-US" altLang="en-US" dirty="0">
                <a:solidFill>
                  <a:srgbClr val="000000"/>
                </a:solidFill>
                <a:latin typeface="Arial" panose="020B0604020202020204" pitchFamily="34" charset="0"/>
              </a:rPr>
              <a:t>What is the probability that a student will favor science?</a:t>
            </a:r>
          </a:p>
        </p:txBody>
      </p:sp>
      <p:sp>
        <p:nvSpPr>
          <p:cNvPr id="4114" name="Rectangle 21"/>
          <p:cNvSpPr>
            <a:spLocks noChangeArrowheads="1"/>
          </p:cNvSpPr>
          <p:nvPr/>
        </p:nvSpPr>
        <p:spPr bwMode="auto">
          <a:xfrm>
            <a:off x="0" y="3358249"/>
            <a:ext cx="5909981" cy="92333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>
            <a:lvl1pPr marL="341313" indent="-341313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defTabSz="914400" eaLnBrk="1" hangingPunct="1"/>
            <a:r>
              <a:rPr lang="en-US" altLang="en-US" dirty="0">
                <a:solidFill>
                  <a:srgbClr val="000000"/>
                </a:solidFill>
                <a:latin typeface="Arial" panose="020B0604020202020204" pitchFamily="34" charset="0"/>
              </a:rPr>
              <a:t>2.	39 out of 100 high school students surveyed report that math is their favorite subject. </a:t>
            </a:r>
            <a:br>
              <a:rPr lang="en-US" altLang="en-US" dirty="0">
                <a:solidFill>
                  <a:srgbClr val="000000"/>
                </a:solidFill>
                <a:latin typeface="Arial" panose="020B0604020202020204" pitchFamily="34" charset="0"/>
              </a:rPr>
            </a:br>
            <a:r>
              <a:rPr lang="en-US" altLang="en-US" dirty="0">
                <a:solidFill>
                  <a:srgbClr val="000000"/>
                </a:solidFill>
                <a:latin typeface="Arial" panose="020B0604020202020204" pitchFamily="34" charset="0"/>
              </a:rPr>
              <a:t>What is the probability that a student will favor math?</a:t>
            </a:r>
          </a:p>
        </p:txBody>
      </p:sp>
      <p:pic>
        <p:nvPicPr>
          <p:cNvPr id="3" name="Picture 2">
            <a:extLst>
              <a:ext uri="{FF2B5EF4-FFF2-40B4-BE49-F238E27FC236}">
                <a16:creationId xmlns:a16="http://schemas.microsoft.com/office/drawing/2014/main" id="{EC17CFAA-5FF4-4DDB-A9FF-E2AB0D5E8457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-2651681" y="1147762"/>
            <a:ext cx="1314450" cy="1857375"/>
          </a:xfrm>
          <a:prstGeom prst="rect">
            <a:avLst/>
          </a:prstGeom>
        </p:spPr>
      </p:pic>
      <mc:AlternateContent xmlns:mc="http://schemas.openxmlformats.org/markup-compatibility/2006" xmlns:a14="http://schemas.microsoft.com/office/drawing/2010/main">
        <mc:Choice Requires="a14">
          <p:sp>
            <p:nvSpPr>
              <p:cNvPr id="4" name="TextBox 3">
                <a:extLst>
                  <a:ext uri="{FF2B5EF4-FFF2-40B4-BE49-F238E27FC236}">
                    <a16:creationId xmlns:a16="http://schemas.microsoft.com/office/drawing/2014/main" id="{D364D076-D806-48DB-A46E-981DF49F6C72}"/>
                  </a:ext>
                </a:extLst>
              </p:cNvPr>
              <p:cNvSpPr txBox="1"/>
              <p:nvPr/>
            </p:nvSpPr>
            <p:spPr>
              <a:xfrm>
                <a:off x="692196" y="2279770"/>
                <a:ext cx="1781555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𝑺𝒄𝒊𝒆𝒏𝒄𝒆</m:t>
                          </m:r>
                        </m:e>
                      </m:d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" name="TextBox 3">
                <a:extLst>
                  <a:ext uri="{FF2B5EF4-FFF2-40B4-BE49-F238E27FC236}">
                    <a16:creationId xmlns:a16="http://schemas.microsoft.com/office/drawing/2014/main" id="{D364D076-D806-48DB-A46E-981DF49F6C72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2196" y="2279770"/>
                <a:ext cx="1781555" cy="369332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" name="TextBox 4">
                <a:extLst>
                  <a:ext uri="{FF2B5EF4-FFF2-40B4-BE49-F238E27FC236}">
                    <a16:creationId xmlns:a16="http://schemas.microsoft.com/office/drawing/2014/main" id="{F1022BA8-BE32-449A-9279-5BA82EE49AF9}"/>
                  </a:ext>
                </a:extLst>
              </p:cNvPr>
              <p:cNvSpPr txBox="1"/>
              <p:nvPr/>
            </p:nvSpPr>
            <p:spPr>
              <a:xfrm>
                <a:off x="2320794" y="2142886"/>
                <a:ext cx="457195" cy="63478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>
                        <m:fPr>
                          <m:ctrlP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/>
                        <m:den>
                          <m: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5" name="TextBox 4">
                <a:extLst>
                  <a:ext uri="{FF2B5EF4-FFF2-40B4-BE49-F238E27FC236}">
                    <a16:creationId xmlns:a16="http://schemas.microsoft.com/office/drawing/2014/main" id="{F1022BA8-BE32-449A-9279-5BA82EE49AF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20794" y="2142886"/>
                <a:ext cx="457195" cy="634789"/>
              </a:xfrm>
              <a:prstGeom prst="rect">
                <a:avLst/>
              </a:prstGeom>
              <a:blipFill>
                <a:blip r:embed="rId6"/>
                <a:stretch>
                  <a:fillRect r="-9333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6" name="TextBox 5">
                <a:extLst>
                  <a:ext uri="{FF2B5EF4-FFF2-40B4-BE49-F238E27FC236}">
                    <a16:creationId xmlns:a16="http://schemas.microsoft.com/office/drawing/2014/main" id="{878A2B1F-29D0-4D62-BBAC-994BB528FD19}"/>
                  </a:ext>
                </a:extLst>
              </p:cNvPr>
              <p:cNvSpPr txBox="1"/>
              <p:nvPr/>
            </p:nvSpPr>
            <p:spPr>
              <a:xfrm>
                <a:off x="2395527" y="2128541"/>
                <a:ext cx="457195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dirty="0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𝟐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6" name="TextBox 5">
                <a:extLst>
                  <a:ext uri="{FF2B5EF4-FFF2-40B4-BE49-F238E27FC236}">
                    <a16:creationId xmlns:a16="http://schemas.microsoft.com/office/drawing/2014/main" id="{878A2B1F-29D0-4D62-BBAC-994BB528FD1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95527" y="2128541"/>
                <a:ext cx="457195" cy="369332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" name="TextBox 6">
                <a:extLst>
                  <a:ext uri="{FF2B5EF4-FFF2-40B4-BE49-F238E27FC236}">
                    <a16:creationId xmlns:a16="http://schemas.microsoft.com/office/drawing/2014/main" id="{CD0210F9-B390-416A-BB80-EE2D835DB294}"/>
                  </a:ext>
                </a:extLst>
              </p:cNvPr>
              <p:cNvSpPr txBox="1"/>
              <p:nvPr/>
            </p:nvSpPr>
            <p:spPr>
              <a:xfrm>
                <a:off x="2696245" y="2279370"/>
                <a:ext cx="1280146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𝟐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7" name="TextBox 6">
                <a:extLst>
                  <a:ext uri="{FF2B5EF4-FFF2-40B4-BE49-F238E27FC236}">
                    <a16:creationId xmlns:a16="http://schemas.microsoft.com/office/drawing/2014/main" id="{CD0210F9-B390-416A-BB80-EE2D835DB29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96245" y="2279370"/>
                <a:ext cx="1280146" cy="369332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14377E77-F0D1-40BA-A599-D37FDC422393}"/>
                  </a:ext>
                </a:extLst>
              </p:cNvPr>
              <p:cNvSpPr txBox="1"/>
              <p:nvPr/>
            </p:nvSpPr>
            <p:spPr>
              <a:xfrm>
                <a:off x="613972" y="4615560"/>
                <a:ext cx="1781555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𝑴𝒂𝒕𝒉</m:t>
                          </m:r>
                        </m:e>
                      </m:d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14377E77-F0D1-40BA-A599-D37FDC42239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3972" y="4615560"/>
                <a:ext cx="1781555" cy="369332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3" name="TextBox 32">
                <a:extLst>
                  <a:ext uri="{FF2B5EF4-FFF2-40B4-BE49-F238E27FC236}">
                    <a16:creationId xmlns:a16="http://schemas.microsoft.com/office/drawing/2014/main" id="{A8C9E8F8-00E9-458E-B809-B96AB2F2331B}"/>
                  </a:ext>
                </a:extLst>
              </p:cNvPr>
              <p:cNvSpPr txBox="1"/>
              <p:nvPr/>
            </p:nvSpPr>
            <p:spPr>
              <a:xfrm>
                <a:off x="2242570" y="4478676"/>
                <a:ext cx="457195" cy="63478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>
                        <m:fPr>
                          <m:ctrlP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/>
                        <m:den>
                          <m: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3" name="TextBox 32">
                <a:extLst>
                  <a:ext uri="{FF2B5EF4-FFF2-40B4-BE49-F238E27FC236}">
                    <a16:creationId xmlns:a16="http://schemas.microsoft.com/office/drawing/2014/main" id="{A8C9E8F8-00E9-458E-B809-B96AB2F2331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242570" y="4478676"/>
                <a:ext cx="457195" cy="634789"/>
              </a:xfrm>
              <a:prstGeom prst="rect">
                <a:avLst/>
              </a:prstGeom>
              <a:blipFill>
                <a:blip r:embed="rId10"/>
                <a:stretch>
                  <a:fillRect r="-9333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65491D96-973A-4C10-924A-00488A7DBE24}"/>
                  </a:ext>
                </a:extLst>
              </p:cNvPr>
              <p:cNvSpPr txBox="1"/>
              <p:nvPr/>
            </p:nvSpPr>
            <p:spPr>
              <a:xfrm>
                <a:off x="2317303" y="4464331"/>
                <a:ext cx="457195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dirty="0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𝟗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65491D96-973A-4C10-924A-00488A7DBE2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17303" y="4464331"/>
                <a:ext cx="457195" cy="369332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41" name="TextBox 40">
                <a:extLst>
                  <a:ext uri="{FF2B5EF4-FFF2-40B4-BE49-F238E27FC236}">
                    <a16:creationId xmlns:a16="http://schemas.microsoft.com/office/drawing/2014/main" id="{F29FB688-FCDF-48B2-B520-FC2ADF960D3A}"/>
                  </a:ext>
                </a:extLst>
              </p:cNvPr>
              <p:cNvSpPr txBox="1"/>
              <p:nvPr/>
            </p:nvSpPr>
            <p:spPr>
              <a:xfrm>
                <a:off x="2618021" y="4615160"/>
                <a:ext cx="1280146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𝟗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1" name="TextBox 40">
                <a:extLst>
                  <a:ext uri="{FF2B5EF4-FFF2-40B4-BE49-F238E27FC236}">
                    <a16:creationId xmlns:a16="http://schemas.microsoft.com/office/drawing/2014/main" id="{F29FB688-FCDF-48B2-B520-FC2ADF960D3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18021" y="4615160"/>
                <a:ext cx="1280146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graphicFrame>
        <p:nvGraphicFramePr>
          <p:cNvPr id="43" name="Table 42">
            <a:extLst>
              <a:ext uri="{FF2B5EF4-FFF2-40B4-BE49-F238E27FC236}">
                <a16:creationId xmlns:a16="http://schemas.microsoft.com/office/drawing/2014/main" id="{D6F90BC8-F6C4-4982-8647-08270195B252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811621115"/>
              </p:ext>
            </p:extLst>
          </p:nvPr>
        </p:nvGraphicFramePr>
        <p:xfrm>
          <a:off x="6838950" y="4553968"/>
          <a:ext cx="2209800" cy="18288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Make the Connection</a:t>
                      </a:r>
                    </a:p>
                  </a:txBody>
                  <a:tcPr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9800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tudents, you already know how to find the probability of an event presented as a written description. Now, we will find the probabilities of events organized in two-way frequency tables.</a:t>
                      </a:r>
                    </a:p>
                  </a:txBody>
                  <a:tcPr>
                    <a:lnL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9800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6" name="Picture 5" descr="C:\Users\Stephen\Downloads\Make Connection.png">
            <a:extLst>
              <a:ext uri="{FF2B5EF4-FFF2-40B4-BE49-F238E27FC236}">
                <a16:creationId xmlns:a16="http://schemas.microsoft.com/office/drawing/2014/main" id="{DC95A481-E792-4FBA-AD13-01B2EA2FE80D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23312" y="4599221"/>
            <a:ext cx="182880" cy="18288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47" name="Table 46">
            <a:extLst>
              <a:ext uri="{FF2B5EF4-FFF2-40B4-BE49-F238E27FC236}">
                <a16:creationId xmlns:a16="http://schemas.microsoft.com/office/drawing/2014/main" id="{3114A5FD-2190-452C-882F-737430AB11BB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73159512"/>
              </p:ext>
            </p:extLst>
          </p:nvPr>
        </p:nvGraphicFramePr>
        <p:xfrm>
          <a:off x="6838950" y="763765"/>
          <a:ext cx="2209800" cy="9144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209800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31854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</a:p>
                  </a:txBody>
                  <a:tcPr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tx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31854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chemeClr val="tx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Probability</a:t>
                      </a:r>
                      <a:r>
                        <a:rPr lang="en-US" sz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is the chance, or likelihood of an outcome occurring.</a:t>
                      </a:r>
                    </a:p>
                  </a:txBody>
                  <a:tcPr>
                    <a:lnL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8" name="Picture 2" descr="C:\Users\Stephen\Downloads\Light Bulb Icon.png">
            <a:extLst>
              <a:ext uri="{FF2B5EF4-FFF2-40B4-BE49-F238E27FC236}">
                <a16:creationId xmlns:a16="http://schemas.microsoft.com/office/drawing/2014/main" id="{7429E151-681A-4365-970C-800FFC0C91EF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888067" y="787564"/>
            <a:ext cx="230173" cy="21031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</p:spTree>
    <p:custDataLst>
      <p:tags r:id="rId1"/>
    </p:custDataLst>
  </p:cSld>
  <p:clrMapOvr>
    <a:masterClrMapping/>
  </p:clrMapOvr>
  <p:transition spd="slow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25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25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25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25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25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25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25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25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5" grpId="0"/>
      <p:bldP spid="6" grpId="0"/>
      <p:bldP spid="7" grpId="0"/>
      <p:bldP spid="30" grpId="0"/>
      <p:bldP spid="33" grpId="0"/>
      <p:bldP spid="34" grpId="0"/>
      <p:bldP spid="41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21" name="Table 120"/>
          <p:cNvGraphicFramePr>
            <a:graphicFrameLocks noGrp="1"/>
          </p:cNvGraphicFramePr>
          <p:nvPr/>
        </p:nvGraphicFramePr>
        <p:xfrm>
          <a:off x="5281613" y="2214563"/>
          <a:ext cx="3552825" cy="977900"/>
        </p:xfrm>
        <a:graphic>
          <a:graphicData uri="http://schemas.openxmlformats.org/drawingml/2006/table">
            <a:tbl>
              <a:tblPr firstRow="1" firstCol="1" bandRow="1"/>
              <a:tblGrid>
                <a:gridCol w="329603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78749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85342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791154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791154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195580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0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18289" marB="18289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Item</a:t>
                      </a:r>
                      <a:r>
                        <a:rPr lang="en-US" sz="1000" baseline="0" dirty="0">
                          <a:effectLst/>
                          <a:latin typeface="Gill Sans MT" pitchFamily="34" charset="0"/>
                          <a:ea typeface="Times New Roman"/>
                        </a:rPr>
                        <a:t> </a:t>
                      </a: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1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4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Item</a:t>
                      </a:r>
                      <a:r>
                        <a:rPr lang="en-US" sz="1000" baseline="0" dirty="0">
                          <a:effectLst/>
                          <a:latin typeface="Gill Sans MT" pitchFamily="34" charset="0"/>
                          <a:ea typeface="Times New Roman"/>
                        </a:rPr>
                        <a:t> </a:t>
                      </a: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2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Item</a:t>
                      </a:r>
                      <a:r>
                        <a:rPr lang="en-US" sz="1000" baseline="0" dirty="0">
                          <a:effectLst/>
                          <a:latin typeface="Gill Sans MT" pitchFamily="34" charset="0"/>
                          <a:ea typeface="Times New Roman"/>
                        </a:rPr>
                        <a:t> </a:t>
                      </a: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3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indent="0" algn="ctr" defTabSz="91440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Item</a:t>
                      </a:r>
                      <a:r>
                        <a:rPr lang="en-US" sz="1000" baseline="0" dirty="0">
                          <a:effectLst/>
                          <a:latin typeface="Gill Sans MT" pitchFamily="34" charset="0"/>
                          <a:ea typeface="Times New Roman"/>
                        </a:rPr>
                        <a:t> </a:t>
                      </a: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4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2">
                        <a:lumMod val="20000"/>
                        <a:lumOff val="8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195580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1.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Holly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  <a:r>
                        <a:rPr lang="en-US" sz="10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0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English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Football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195580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2.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Sergio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11</a:t>
                      </a:r>
                      <a:r>
                        <a:rPr lang="en-US" sz="10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0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Science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Basketball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195580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3.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Laura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  <a:r>
                        <a:rPr lang="en-US" sz="10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0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Math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Football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195580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4.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Phyllis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  <a:r>
                        <a:rPr lang="en-US" sz="10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0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Math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Soccer</a:t>
                      </a:r>
                    </a:p>
                  </a:txBody>
                  <a:tcPr marL="36582" marR="36582" marT="18289" marB="1828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</a:tbl>
          </a:graphicData>
        </a:graphic>
      </p:graphicFrame>
      <p:sp>
        <p:nvSpPr>
          <p:cNvPr id="23" name="Freeform 22"/>
          <p:cNvSpPr>
            <a:spLocks/>
          </p:cNvSpPr>
          <p:nvPr/>
        </p:nvSpPr>
        <p:spPr bwMode="auto">
          <a:xfrm>
            <a:off x="5233988" y="3194050"/>
            <a:ext cx="73025" cy="184150"/>
          </a:xfrm>
          <a:custGeom>
            <a:avLst/>
            <a:gdLst>
              <a:gd name="T0" fmla="*/ 26871 w 95463"/>
              <a:gd name="T1" fmla="*/ 0 h 196850"/>
              <a:gd name="T2" fmla="*/ 26521 w 95463"/>
              <a:gd name="T3" fmla="*/ 41301 h 196850"/>
              <a:gd name="T4" fmla="*/ 4187 w 95463"/>
              <a:gd name="T5" fmla="*/ 51627 h 196850"/>
              <a:gd name="T6" fmla="*/ 41876 w 95463"/>
              <a:gd name="T7" fmla="*/ 77439 h 196850"/>
              <a:gd name="T8" fmla="*/ 0 w 95463"/>
              <a:gd name="T9" fmla="*/ 92927 h 196850"/>
              <a:gd name="T10" fmla="*/ 26521 w 95463"/>
              <a:gd name="T11" fmla="*/ 103253 h 196850"/>
              <a:gd name="T12" fmla="*/ 26172 w 95463"/>
              <a:gd name="T13" fmla="*/ 160042 h 196850"/>
              <a:gd name="T14" fmla="*/ 0 60000 65536"/>
              <a:gd name="T15" fmla="*/ 0 60000 65536"/>
              <a:gd name="T16" fmla="*/ 0 60000 65536"/>
              <a:gd name="T17" fmla="*/ 0 60000 65536"/>
              <a:gd name="T18" fmla="*/ 0 60000 65536"/>
              <a:gd name="T19" fmla="*/ 0 60000 65536"/>
              <a:gd name="T20" fmla="*/ 0 60000 65536"/>
            </a:gdLst>
            <a:ahLst/>
            <a:cxnLst>
              <a:cxn ang="T14">
                <a:pos x="T0" y="T1"/>
              </a:cxn>
              <a:cxn ang="T15">
                <a:pos x="T2" y="T3"/>
              </a:cxn>
              <a:cxn ang="T16">
                <a:pos x="T4" y="T5"/>
              </a:cxn>
              <a:cxn ang="T17">
                <a:pos x="T6" y="T7"/>
              </a:cxn>
              <a:cxn ang="T18">
                <a:pos x="T8" y="T9"/>
              </a:cxn>
              <a:cxn ang="T19">
                <a:pos x="T10" y="T11"/>
              </a:cxn>
              <a:cxn ang="T20">
                <a:pos x="T12" y="T13"/>
              </a:cxn>
            </a:cxnLst>
            <a:rect l="0" t="0" r="r" b="b"/>
            <a:pathLst>
              <a:path w="95463" h="196850">
                <a:moveTo>
                  <a:pt x="61119" y="0"/>
                </a:moveTo>
                <a:cubicBezTo>
                  <a:pt x="60854" y="32014"/>
                  <a:pt x="64161" y="9261"/>
                  <a:pt x="60325" y="50800"/>
                </a:cubicBezTo>
                <a:cubicBezTo>
                  <a:pt x="27914" y="61383"/>
                  <a:pt x="3704" y="56092"/>
                  <a:pt x="9525" y="63500"/>
                </a:cubicBezTo>
                <a:cubicBezTo>
                  <a:pt x="91546" y="87577"/>
                  <a:pt x="96837" y="86783"/>
                  <a:pt x="95250" y="95250"/>
                </a:cubicBezTo>
                <a:cubicBezTo>
                  <a:pt x="15081" y="110860"/>
                  <a:pt x="5821" y="109008"/>
                  <a:pt x="0" y="114300"/>
                </a:cubicBezTo>
                <a:cubicBezTo>
                  <a:pt x="65617" y="131498"/>
                  <a:pt x="49212" y="113242"/>
                  <a:pt x="60325" y="127000"/>
                </a:cubicBezTo>
                <a:cubicBezTo>
                  <a:pt x="59532" y="171714"/>
                  <a:pt x="61913" y="168804"/>
                  <a:pt x="59532" y="196850"/>
                </a:cubicBezTo>
              </a:path>
            </a:pathLst>
          </a:custGeom>
          <a:noFill/>
          <a:ln w="12700" algn="ctr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anchor="ctr"/>
          <a:lstStyle/>
          <a:p>
            <a:endParaRPr lang="en-US"/>
          </a:p>
        </p:txBody>
      </p:sp>
      <p:sp>
        <p:nvSpPr>
          <p:cNvPr id="128" name="Freeform 127"/>
          <p:cNvSpPr>
            <a:spLocks/>
          </p:cNvSpPr>
          <p:nvPr/>
        </p:nvSpPr>
        <p:spPr bwMode="auto">
          <a:xfrm>
            <a:off x="5564188" y="3194050"/>
            <a:ext cx="71437" cy="184150"/>
          </a:xfrm>
          <a:custGeom>
            <a:avLst/>
            <a:gdLst>
              <a:gd name="T0" fmla="*/ 25715 w 95463"/>
              <a:gd name="T1" fmla="*/ 0 h 196850"/>
              <a:gd name="T2" fmla="*/ 25380 w 95463"/>
              <a:gd name="T3" fmla="*/ 41301 h 196850"/>
              <a:gd name="T4" fmla="*/ 4007 w 95463"/>
              <a:gd name="T5" fmla="*/ 51627 h 196850"/>
              <a:gd name="T6" fmla="*/ 40074 w 95463"/>
              <a:gd name="T7" fmla="*/ 77439 h 196850"/>
              <a:gd name="T8" fmla="*/ 0 w 95463"/>
              <a:gd name="T9" fmla="*/ 92927 h 196850"/>
              <a:gd name="T10" fmla="*/ 25380 w 95463"/>
              <a:gd name="T11" fmla="*/ 103253 h 196850"/>
              <a:gd name="T12" fmla="*/ 25046 w 95463"/>
              <a:gd name="T13" fmla="*/ 160042 h 196850"/>
              <a:gd name="T14" fmla="*/ 0 60000 65536"/>
              <a:gd name="T15" fmla="*/ 0 60000 65536"/>
              <a:gd name="T16" fmla="*/ 0 60000 65536"/>
              <a:gd name="T17" fmla="*/ 0 60000 65536"/>
              <a:gd name="T18" fmla="*/ 0 60000 65536"/>
              <a:gd name="T19" fmla="*/ 0 60000 65536"/>
              <a:gd name="T20" fmla="*/ 0 60000 65536"/>
            </a:gdLst>
            <a:ahLst/>
            <a:cxnLst>
              <a:cxn ang="T14">
                <a:pos x="T0" y="T1"/>
              </a:cxn>
              <a:cxn ang="T15">
                <a:pos x="T2" y="T3"/>
              </a:cxn>
              <a:cxn ang="T16">
                <a:pos x="T4" y="T5"/>
              </a:cxn>
              <a:cxn ang="T17">
                <a:pos x="T6" y="T7"/>
              </a:cxn>
              <a:cxn ang="T18">
                <a:pos x="T8" y="T9"/>
              </a:cxn>
              <a:cxn ang="T19">
                <a:pos x="T10" y="T11"/>
              </a:cxn>
              <a:cxn ang="T20">
                <a:pos x="T12" y="T13"/>
              </a:cxn>
            </a:cxnLst>
            <a:rect l="0" t="0" r="r" b="b"/>
            <a:pathLst>
              <a:path w="95463" h="196850">
                <a:moveTo>
                  <a:pt x="61119" y="0"/>
                </a:moveTo>
                <a:cubicBezTo>
                  <a:pt x="60854" y="32014"/>
                  <a:pt x="64161" y="9261"/>
                  <a:pt x="60325" y="50800"/>
                </a:cubicBezTo>
                <a:cubicBezTo>
                  <a:pt x="27914" y="61383"/>
                  <a:pt x="3704" y="56092"/>
                  <a:pt x="9525" y="63500"/>
                </a:cubicBezTo>
                <a:cubicBezTo>
                  <a:pt x="91546" y="87577"/>
                  <a:pt x="96837" y="86783"/>
                  <a:pt x="95250" y="95250"/>
                </a:cubicBezTo>
                <a:cubicBezTo>
                  <a:pt x="15081" y="110860"/>
                  <a:pt x="5821" y="109008"/>
                  <a:pt x="0" y="114300"/>
                </a:cubicBezTo>
                <a:cubicBezTo>
                  <a:pt x="65617" y="131498"/>
                  <a:pt x="49212" y="113242"/>
                  <a:pt x="60325" y="127000"/>
                </a:cubicBezTo>
                <a:cubicBezTo>
                  <a:pt x="59532" y="171714"/>
                  <a:pt x="61913" y="168804"/>
                  <a:pt x="59532" y="196850"/>
                </a:cubicBezTo>
              </a:path>
            </a:pathLst>
          </a:custGeom>
          <a:noFill/>
          <a:ln w="12700" algn="ctr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anchor="ctr"/>
          <a:lstStyle/>
          <a:p>
            <a:endParaRPr lang="en-US"/>
          </a:p>
        </p:txBody>
      </p:sp>
      <p:sp>
        <p:nvSpPr>
          <p:cNvPr id="129" name="Freeform 128"/>
          <p:cNvSpPr>
            <a:spLocks/>
          </p:cNvSpPr>
          <p:nvPr/>
        </p:nvSpPr>
        <p:spPr bwMode="auto">
          <a:xfrm>
            <a:off x="6354763" y="3194050"/>
            <a:ext cx="71437" cy="184150"/>
          </a:xfrm>
          <a:custGeom>
            <a:avLst/>
            <a:gdLst>
              <a:gd name="T0" fmla="*/ 25715 w 95463"/>
              <a:gd name="T1" fmla="*/ 0 h 196850"/>
              <a:gd name="T2" fmla="*/ 25380 w 95463"/>
              <a:gd name="T3" fmla="*/ 41301 h 196850"/>
              <a:gd name="T4" fmla="*/ 4007 w 95463"/>
              <a:gd name="T5" fmla="*/ 51627 h 196850"/>
              <a:gd name="T6" fmla="*/ 40074 w 95463"/>
              <a:gd name="T7" fmla="*/ 77439 h 196850"/>
              <a:gd name="T8" fmla="*/ 0 w 95463"/>
              <a:gd name="T9" fmla="*/ 92927 h 196850"/>
              <a:gd name="T10" fmla="*/ 25380 w 95463"/>
              <a:gd name="T11" fmla="*/ 103253 h 196850"/>
              <a:gd name="T12" fmla="*/ 25046 w 95463"/>
              <a:gd name="T13" fmla="*/ 160042 h 196850"/>
              <a:gd name="T14" fmla="*/ 0 60000 65536"/>
              <a:gd name="T15" fmla="*/ 0 60000 65536"/>
              <a:gd name="T16" fmla="*/ 0 60000 65536"/>
              <a:gd name="T17" fmla="*/ 0 60000 65536"/>
              <a:gd name="T18" fmla="*/ 0 60000 65536"/>
              <a:gd name="T19" fmla="*/ 0 60000 65536"/>
              <a:gd name="T20" fmla="*/ 0 60000 65536"/>
            </a:gdLst>
            <a:ahLst/>
            <a:cxnLst>
              <a:cxn ang="T14">
                <a:pos x="T0" y="T1"/>
              </a:cxn>
              <a:cxn ang="T15">
                <a:pos x="T2" y="T3"/>
              </a:cxn>
              <a:cxn ang="T16">
                <a:pos x="T4" y="T5"/>
              </a:cxn>
              <a:cxn ang="T17">
                <a:pos x="T6" y="T7"/>
              </a:cxn>
              <a:cxn ang="T18">
                <a:pos x="T8" y="T9"/>
              </a:cxn>
              <a:cxn ang="T19">
                <a:pos x="T10" y="T11"/>
              </a:cxn>
              <a:cxn ang="T20">
                <a:pos x="T12" y="T13"/>
              </a:cxn>
            </a:cxnLst>
            <a:rect l="0" t="0" r="r" b="b"/>
            <a:pathLst>
              <a:path w="95463" h="196850">
                <a:moveTo>
                  <a:pt x="61119" y="0"/>
                </a:moveTo>
                <a:cubicBezTo>
                  <a:pt x="60854" y="32014"/>
                  <a:pt x="64161" y="9261"/>
                  <a:pt x="60325" y="50800"/>
                </a:cubicBezTo>
                <a:cubicBezTo>
                  <a:pt x="27914" y="61383"/>
                  <a:pt x="3704" y="56092"/>
                  <a:pt x="9525" y="63500"/>
                </a:cubicBezTo>
                <a:cubicBezTo>
                  <a:pt x="91546" y="87577"/>
                  <a:pt x="96837" y="86783"/>
                  <a:pt x="95250" y="95250"/>
                </a:cubicBezTo>
                <a:cubicBezTo>
                  <a:pt x="15081" y="110860"/>
                  <a:pt x="5821" y="109008"/>
                  <a:pt x="0" y="114300"/>
                </a:cubicBezTo>
                <a:cubicBezTo>
                  <a:pt x="65617" y="131498"/>
                  <a:pt x="49212" y="113242"/>
                  <a:pt x="60325" y="127000"/>
                </a:cubicBezTo>
                <a:cubicBezTo>
                  <a:pt x="59532" y="171714"/>
                  <a:pt x="61913" y="168804"/>
                  <a:pt x="59532" y="196850"/>
                </a:cubicBezTo>
              </a:path>
            </a:pathLst>
          </a:custGeom>
          <a:noFill/>
          <a:ln w="12700" algn="ctr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anchor="ctr"/>
          <a:lstStyle/>
          <a:p>
            <a:endParaRPr lang="en-US"/>
          </a:p>
        </p:txBody>
      </p:sp>
      <p:sp>
        <p:nvSpPr>
          <p:cNvPr id="131" name="Freeform 130"/>
          <p:cNvSpPr>
            <a:spLocks/>
          </p:cNvSpPr>
          <p:nvPr/>
        </p:nvSpPr>
        <p:spPr bwMode="auto">
          <a:xfrm>
            <a:off x="7207250" y="3194050"/>
            <a:ext cx="71438" cy="184150"/>
          </a:xfrm>
          <a:custGeom>
            <a:avLst/>
            <a:gdLst>
              <a:gd name="T0" fmla="*/ 25715 w 95463"/>
              <a:gd name="T1" fmla="*/ 0 h 196850"/>
              <a:gd name="T2" fmla="*/ 25381 w 95463"/>
              <a:gd name="T3" fmla="*/ 41301 h 196850"/>
              <a:gd name="T4" fmla="*/ 4007 w 95463"/>
              <a:gd name="T5" fmla="*/ 51627 h 196850"/>
              <a:gd name="T6" fmla="*/ 40075 w 95463"/>
              <a:gd name="T7" fmla="*/ 77439 h 196850"/>
              <a:gd name="T8" fmla="*/ 0 w 95463"/>
              <a:gd name="T9" fmla="*/ 92927 h 196850"/>
              <a:gd name="T10" fmla="*/ 25381 w 95463"/>
              <a:gd name="T11" fmla="*/ 103253 h 196850"/>
              <a:gd name="T12" fmla="*/ 25047 w 95463"/>
              <a:gd name="T13" fmla="*/ 160042 h 196850"/>
              <a:gd name="T14" fmla="*/ 0 60000 65536"/>
              <a:gd name="T15" fmla="*/ 0 60000 65536"/>
              <a:gd name="T16" fmla="*/ 0 60000 65536"/>
              <a:gd name="T17" fmla="*/ 0 60000 65536"/>
              <a:gd name="T18" fmla="*/ 0 60000 65536"/>
              <a:gd name="T19" fmla="*/ 0 60000 65536"/>
              <a:gd name="T20" fmla="*/ 0 60000 65536"/>
            </a:gdLst>
            <a:ahLst/>
            <a:cxnLst>
              <a:cxn ang="T14">
                <a:pos x="T0" y="T1"/>
              </a:cxn>
              <a:cxn ang="T15">
                <a:pos x="T2" y="T3"/>
              </a:cxn>
              <a:cxn ang="T16">
                <a:pos x="T4" y="T5"/>
              </a:cxn>
              <a:cxn ang="T17">
                <a:pos x="T6" y="T7"/>
              </a:cxn>
              <a:cxn ang="T18">
                <a:pos x="T8" y="T9"/>
              </a:cxn>
              <a:cxn ang="T19">
                <a:pos x="T10" y="T11"/>
              </a:cxn>
              <a:cxn ang="T20">
                <a:pos x="T12" y="T13"/>
              </a:cxn>
            </a:cxnLst>
            <a:rect l="0" t="0" r="r" b="b"/>
            <a:pathLst>
              <a:path w="95463" h="196850">
                <a:moveTo>
                  <a:pt x="61119" y="0"/>
                </a:moveTo>
                <a:cubicBezTo>
                  <a:pt x="60854" y="32014"/>
                  <a:pt x="64161" y="9261"/>
                  <a:pt x="60325" y="50800"/>
                </a:cubicBezTo>
                <a:cubicBezTo>
                  <a:pt x="27914" y="61383"/>
                  <a:pt x="3704" y="56092"/>
                  <a:pt x="9525" y="63500"/>
                </a:cubicBezTo>
                <a:cubicBezTo>
                  <a:pt x="91546" y="87577"/>
                  <a:pt x="96837" y="86783"/>
                  <a:pt x="95250" y="95250"/>
                </a:cubicBezTo>
                <a:cubicBezTo>
                  <a:pt x="15081" y="110860"/>
                  <a:pt x="5821" y="109008"/>
                  <a:pt x="0" y="114300"/>
                </a:cubicBezTo>
                <a:cubicBezTo>
                  <a:pt x="65617" y="131498"/>
                  <a:pt x="49212" y="113242"/>
                  <a:pt x="60325" y="127000"/>
                </a:cubicBezTo>
                <a:cubicBezTo>
                  <a:pt x="59532" y="171714"/>
                  <a:pt x="61913" y="168804"/>
                  <a:pt x="59532" y="196850"/>
                </a:cubicBezTo>
              </a:path>
            </a:pathLst>
          </a:custGeom>
          <a:noFill/>
          <a:ln w="12700" algn="ctr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anchor="ctr"/>
          <a:lstStyle/>
          <a:p>
            <a:endParaRPr lang="en-US"/>
          </a:p>
        </p:txBody>
      </p:sp>
      <p:sp>
        <p:nvSpPr>
          <p:cNvPr id="132" name="Freeform 131"/>
          <p:cNvSpPr>
            <a:spLocks/>
          </p:cNvSpPr>
          <p:nvPr/>
        </p:nvSpPr>
        <p:spPr bwMode="auto">
          <a:xfrm>
            <a:off x="7999413" y="3194050"/>
            <a:ext cx="71437" cy="184150"/>
          </a:xfrm>
          <a:custGeom>
            <a:avLst/>
            <a:gdLst>
              <a:gd name="T0" fmla="*/ 25715 w 95463"/>
              <a:gd name="T1" fmla="*/ 0 h 196850"/>
              <a:gd name="T2" fmla="*/ 25380 w 95463"/>
              <a:gd name="T3" fmla="*/ 41301 h 196850"/>
              <a:gd name="T4" fmla="*/ 4007 w 95463"/>
              <a:gd name="T5" fmla="*/ 51627 h 196850"/>
              <a:gd name="T6" fmla="*/ 40074 w 95463"/>
              <a:gd name="T7" fmla="*/ 77439 h 196850"/>
              <a:gd name="T8" fmla="*/ 0 w 95463"/>
              <a:gd name="T9" fmla="*/ 92927 h 196850"/>
              <a:gd name="T10" fmla="*/ 25380 w 95463"/>
              <a:gd name="T11" fmla="*/ 103253 h 196850"/>
              <a:gd name="T12" fmla="*/ 25046 w 95463"/>
              <a:gd name="T13" fmla="*/ 160042 h 196850"/>
              <a:gd name="T14" fmla="*/ 0 60000 65536"/>
              <a:gd name="T15" fmla="*/ 0 60000 65536"/>
              <a:gd name="T16" fmla="*/ 0 60000 65536"/>
              <a:gd name="T17" fmla="*/ 0 60000 65536"/>
              <a:gd name="T18" fmla="*/ 0 60000 65536"/>
              <a:gd name="T19" fmla="*/ 0 60000 65536"/>
              <a:gd name="T20" fmla="*/ 0 60000 65536"/>
            </a:gdLst>
            <a:ahLst/>
            <a:cxnLst>
              <a:cxn ang="T14">
                <a:pos x="T0" y="T1"/>
              </a:cxn>
              <a:cxn ang="T15">
                <a:pos x="T2" y="T3"/>
              </a:cxn>
              <a:cxn ang="T16">
                <a:pos x="T4" y="T5"/>
              </a:cxn>
              <a:cxn ang="T17">
                <a:pos x="T6" y="T7"/>
              </a:cxn>
              <a:cxn ang="T18">
                <a:pos x="T8" y="T9"/>
              </a:cxn>
              <a:cxn ang="T19">
                <a:pos x="T10" y="T11"/>
              </a:cxn>
              <a:cxn ang="T20">
                <a:pos x="T12" y="T13"/>
              </a:cxn>
            </a:cxnLst>
            <a:rect l="0" t="0" r="r" b="b"/>
            <a:pathLst>
              <a:path w="95463" h="196850">
                <a:moveTo>
                  <a:pt x="61119" y="0"/>
                </a:moveTo>
                <a:cubicBezTo>
                  <a:pt x="60854" y="32014"/>
                  <a:pt x="64161" y="9261"/>
                  <a:pt x="60325" y="50800"/>
                </a:cubicBezTo>
                <a:cubicBezTo>
                  <a:pt x="27914" y="61383"/>
                  <a:pt x="3704" y="56092"/>
                  <a:pt x="9525" y="63500"/>
                </a:cubicBezTo>
                <a:cubicBezTo>
                  <a:pt x="91546" y="87577"/>
                  <a:pt x="96837" y="86783"/>
                  <a:pt x="95250" y="95250"/>
                </a:cubicBezTo>
                <a:cubicBezTo>
                  <a:pt x="15081" y="110860"/>
                  <a:pt x="5821" y="109008"/>
                  <a:pt x="0" y="114300"/>
                </a:cubicBezTo>
                <a:cubicBezTo>
                  <a:pt x="65617" y="131498"/>
                  <a:pt x="49212" y="113242"/>
                  <a:pt x="60325" y="127000"/>
                </a:cubicBezTo>
                <a:cubicBezTo>
                  <a:pt x="59532" y="171714"/>
                  <a:pt x="61913" y="168804"/>
                  <a:pt x="59532" y="196850"/>
                </a:cubicBezTo>
              </a:path>
            </a:pathLst>
          </a:custGeom>
          <a:noFill/>
          <a:ln w="12700" algn="ctr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anchor="ctr"/>
          <a:lstStyle/>
          <a:p>
            <a:endParaRPr lang="en-US"/>
          </a:p>
        </p:txBody>
      </p:sp>
      <p:sp>
        <p:nvSpPr>
          <p:cNvPr id="133" name="Freeform 132"/>
          <p:cNvSpPr>
            <a:spLocks/>
          </p:cNvSpPr>
          <p:nvPr/>
        </p:nvSpPr>
        <p:spPr bwMode="auto">
          <a:xfrm>
            <a:off x="8789988" y="3194050"/>
            <a:ext cx="71437" cy="184150"/>
          </a:xfrm>
          <a:custGeom>
            <a:avLst/>
            <a:gdLst>
              <a:gd name="T0" fmla="*/ 25715 w 95463"/>
              <a:gd name="T1" fmla="*/ 0 h 196850"/>
              <a:gd name="T2" fmla="*/ 25380 w 95463"/>
              <a:gd name="T3" fmla="*/ 41301 h 196850"/>
              <a:gd name="T4" fmla="*/ 4007 w 95463"/>
              <a:gd name="T5" fmla="*/ 51627 h 196850"/>
              <a:gd name="T6" fmla="*/ 40074 w 95463"/>
              <a:gd name="T7" fmla="*/ 77439 h 196850"/>
              <a:gd name="T8" fmla="*/ 0 w 95463"/>
              <a:gd name="T9" fmla="*/ 92927 h 196850"/>
              <a:gd name="T10" fmla="*/ 25380 w 95463"/>
              <a:gd name="T11" fmla="*/ 103253 h 196850"/>
              <a:gd name="T12" fmla="*/ 25046 w 95463"/>
              <a:gd name="T13" fmla="*/ 160042 h 196850"/>
              <a:gd name="T14" fmla="*/ 0 60000 65536"/>
              <a:gd name="T15" fmla="*/ 0 60000 65536"/>
              <a:gd name="T16" fmla="*/ 0 60000 65536"/>
              <a:gd name="T17" fmla="*/ 0 60000 65536"/>
              <a:gd name="T18" fmla="*/ 0 60000 65536"/>
              <a:gd name="T19" fmla="*/ 0 60000 65536"/>
              <a:gd name="T20" fmla="*/ 0 60000 65536"/>
            </a:gdLst>
            <a:ahLst/>
            <a:cxnLst>
              <a:cxn ang="T14">
                <a:pos x="T0" y="T1"/>
              </a:cxn>
              <a:cxn ang="T15">
                <a:pos x="T2" y="T3"/>
              </a:cxn>
              <a:cxn ang="T16">
                <a:pos x="T4" y="T5"/>
              </a:cxn>
              <a:cxn ang="T17">
                <a:pos x="T6" y="T7"/>
              </a:cxn>
              <a:cxn ang="T18">
                <a:pos x="T8" y="T9"/>
              </a:cxn>
              <a:cxn ang="T19">
                <a:pos x="T10" y="T11"/>
              </a:cxn>
              <a:cxn ang="T20">
                <a:pos x="T12" y="T13"/>
              </a:cxn>
            </a:cxnLst>
            <a:rect l="0" t="0" r="r" b="b"/>
            <a:pathLst>
              <a:path w="95463" h="196850">
                <a:moveTo>
                  <a:pt x="61119" y="0"/>
                </a:moveTo>
                <a:cubicBezTo>
                  <a:pt x="60854" y="32014"/>
                  <a:pt x="64161" y="9261"/>
                  <a:pt x="60325" y="50800"/>
                </a:cubicBezTo>
                <a:cubicBezTo>
                  <a:pt x="27914" y="61383"/>
                  <a:pt x="3704" y="56092"/>
                  <a:pt x="9525" y="63500"/>
                </a:cubicBezTo>
                <a:cubicBezTo>
                  <a:pt x="91546" y="87577"/>
                  <a:pt x="96837" y="86783"/>
                  <a:pt x="95250" y="95250"/>
                </a:cubicBezTo>
                <a:cubicBezTo>
                  <a:pt x="15081" y="110860"/>
                  <a:pt x="5821" y="109008"/>
                  <a:pt x="0" y="114300"/>
                </a:cubicBezTo>
                <a:cubicBezTo>
                  <a:pt x="65617" y="131498"/>
                  <a:pt x="49212" y="113242"/>
                  <a:pt x="60325" y="127000"/>
                </a:cubicBezTo>
                <a:cubicBezTo>
                  <a:pt x="59532" y="171714"/>
                  <a:pt x="61913" y="168804"/>
                  <a:pt x="59532" y="196850"/>
                </a:cubicBezTo>
              </a:path>
            </a:pathLst>
          </a:custGeom>
          <a:noFill/>
          <a:ln w="12700" algn="ctr">
            <a:solidFill>
              <a:schemeClr val="tx1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anchor="ctr"/>
          <a:lstStyle/>
          <a:p>
            <a:endParaRPr lang="en-US"/>
          </a:p>
        </p:txBody>
      </p:sp>
      <p:graphicFrame>
        <p:nvGraphicFramePr>
          <p:cNvPr id="134" name="Table 133"/>
          <p:cNvGraphicFramePr>
            <a:graphicFrameLocks noGrp="1"/>
          </p:cNvGraphicFramePr>
          <p:nvPr/>
        </p:nvGraphicFramePr>
        <p:xfrm>
          <a:off x="5281613" y="3378200"/>
          <a:ext cx="3552825" cy="206729"/>
        </p:xfrm>
        <a:graphic>
          <a:graphicData uri="http://schemas.openxmlformats.org/drawingml/2006/table">
            <a:tbl>
              <a:tblPr firstRow="1" firstCol="1" bandRow="1"/>
              <a:tblGrid>
                <a:gridCol w="329603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78749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853420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791154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791154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206375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100.</a:t>
                      </a:r>
                    </a:p>
                  </a:txBody>
                  <a:tcPr marL="36582" marR="36582" marT="36218" marB="1811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Julian</a:t>
                      </a:r>
                    </a:p>
                  </a:txBody>
                  <a:tcPr marL="36582" marR="36582" marT="36218" marB="1811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  <a:r>
                        <a:rPr lang="en-US" sz="10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0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36218" marB="1811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Science</a:t>
                      </a:r>
                    </a:p>
                  </a:txBody>
                  <a:tcPr marL="36582" marR="36582" marT="36218" marB="1811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000" dirty="0">
                          <a:effectLst/>
                          <a:latin typeface="Gill Sans MT" pitchFamily="34" charset="0"/>
                          <a:ea typeface="Times New Roman"/>
                        </a:rPr>
                        <a:t>Football</a:t>
                      </a:r>
                    </a:p>
                  </a:txBody>
                  <a:tcPr marL="36582" marR="36582" marT="36218" marB="18111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</a:tbl>
          </a:graphicData>
        </a:graphic>
      </p:graphicFrame>
      <p:sp>
        <p:nvSpPr>
          <p:cNvPr id="24" name="TextBox 23"/>
          <p:cNvSpPr txBox="1"/>
          <p:nvPr/>
        </p:nvSpPr>
        <p:spPr>
          <a:xfrm>
            <a:off x="5270500" y="1981200"/>
            <a:ext cx="3554413" cy="261938"/>
          </a:xfrm>
          <a:prstGeom prst="rect">
            <a:avLst/>
          </a:prstGeom>
          <a:noFill/>
        </p:spPr>
        <p:txBody>
          <a:bodyPr>
            <a:spAutoFit/>
          </a:bodyPr>
          <a:lstStyle/>
          <a:p>
            <a:pPr algn="ctr">
              <a:defRPr/>
            </a:pPr>
            <a:r>
              <a:rPr lang="en-US" sz="1050" b="1" u="sng" dirty="0">
                <a:latin typeface="Arial" panose="020B0604020202020204" pitchFamily="34" charset="0"/>
              </a:rPr>
              <a:t>Raw Data</a:t>
            </a:r>
          </a:p>
        </p:txBody>
      </p:sp>
      <p:pic>
        <p:nvPicPr>
          <p:cNvPr id="77" name="Picture 5" descr="C:\Users\Stephen\Downloads\18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43325" y="1528763"/>
            <a:ext cx="509588" cy="5000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3" name="Rectangle 2"/>
          <p:cNvSpPr/>
          <p:nvPr/>
        </p:nvSpPr>
        <p:spPr>
          <a:xfrm>
            <a:off x="93663" y="111125"/>
            <a:ext cx="9005887" cy="44450"/>
          </a:xfrm>
          <a:prstGeom prst="rect">
            <a:avLst/>
          </a:prstGeom>
          <a:solidFill>
            <a:srgbClr val="21A8B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defTabSz="914363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2" name="Pentagon 1"/>
          <p:cNvSpPr/>
          <p:nvPr/>
        </p:nvSpPr>
        <p:spPr bwMode="auto">
          <a:xfrm>
            <a:off x="0" y="0"/>
            <a:ext cx="3657600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Concept Development (Clarification and CFU)</a:t>
            </a:r>
          </a:p>
        </p:txBody>
      </p:sp>
      <p:sp>
        <p:nvSpPr>
          <p:cNvPr id="4" name="Rectangle 21"/>
          <p:cNvSpPr>
            <a:spLocks noChangeArrowheads="1"/>
          </p:cNvSpPr>
          <p:nvPr/>
        </p:nvSpPr>
        <p:spPr bwMode="auto">
          <a:xfrm>
            <a:off x="3175" y="252413"/>
            <a:ext cx="6672263" cy="7080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defTabSz="914400">
              <a:defRPr/>
            </a:pPr>
            <a:r>
              <a:rPr lang="en-US" sz="2000" dirty="0">
                <a:solidFill>
                  <a:srgbClr val="000000"/>
                </a:solidFill>
                <a:latin typeface="Arial" charset="0"/>
                <a:cs typeface="+mn-cs"/>
              </a:rPr>
              <a:t>A </a:t>
            </a:r>
            <a:r>
              <a:rPr lang="en-US" sz="2000" b="1" u="sng" dirty="0">
                <a:solidFill>
                  <a:srgbClr val="000000"/>
                </a:solidFill>
                <a:latin typeface="Arial" charset="0"/>
                <a:cs typeface="+mn-cs"/>
              </a:rPr>
              <a:t>two-way frequency table</a:t>
            </a:r>
            <a:r>
              <a:rPr lang="en-US" sz="2000" dirty="0">
                <a:solidFill>
                  <a:srgbClr val="000000"/>
                </a:solidFill>
                <a:latin typeface="Arial" charset="0"/>
                <a:cs typeface="+mn-cs"/>
              </a:rPr>
              <a:t> shows data from one</a:t>
            </a:r>
            <a:r>
              <a:rPr lang="en-US" sz="2000" b="1" dirty="0">
                <a:solidFill>
                  <a:srgbClr val="000000"/>
                </a:solidFill>
                <a:latin typeface="Arial" charset="0"/>
                <a:cs typeface="+mn-cs"/>
              </a:rPr>
              <a:t> sample group </a:t>
            </a:r>
            <a:r>
              <a:rPr lang="en-US" sz="2000" dirty="0">
                <a:solidFill>
                  <a:srgbClr val="000000"/>
                </a:solidFill>
                <a:latin typeface="Arial" charset="0"/>
                <a:cs typeface="+mn-cs"/>
              </a:rPr>
              <a:t>as it relates to </a:t>
            </a:r>
            <a:r>
              <a:rPr lang="en-US" sz="2000" b="1" dirty="0">
                <a:solidFill>
                  <a:srgbClr val="000000"/>
                </a:solidFill>
                <a:latin typeface="Arial" charset="0"/>
                <a:cs typeface="+mn-cs"/>
              </a:rPr>
              <a:t>two different categories</a:t>
            </a:r>
            <a:r>
              <a:rPr lang="en-US" sz="2000" dirty="0">
                <a:solidFill>
                  <a:srgbClr val="000000"/>
                </a:solidFill>
                <a:latin typeface="Arial" charset="0"/>
                <a:cs typeface="+mn-cs"/>
              </a:rPr>
              <a:t>.</a:t>
            </a:r>
          </a:p>
        </p:txBody>
      </p:sp>
      <p:grpSp>
        <p:nvGrpSpPr>
          <p:cNvPr id="6209" name="Group 65"/>
          <p:cNvGrpSpPr>
            <a:grpSpLocks/>
          </p:cNvGrpSpPr>
          <p:nvPr/>
        </p:nvGrpSpPr>
        <p:grpSpPr bwMode="auto">
          <a:xfrm>
            <a:off x="169863" y="920750"/>
            <a:ext cx="8686800" cy="39688"/>
            <a:chOff x="312862" y="969963"/>
            <a:chExt cx="8471606" cy="39687"/>
          </a:xfrm>
        </p:grpSpPr>
        <p:cxnSp>
          <p:nvCxnSpPr>
            <p:cNvPr id="6" name="Straight Connector 5"/>
            <p:cNvCxnSpPr/>
            <p:nvPr/>
          </p:nvCxnSpPr>
          <p:spPr bwMode="auto">
            <a:xfrm>
              <a:off x="312862" y="969963"/>
              <a:ext cx="8471606" cy="0"/>
            </a:xfrm>
            <a:prstGeom prst="line">
              <a:avLst/>
            </a:prstGeom>
            <a:ln w="19050">
              <a:solidFill>
                <a:schemeClr val="bg1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7" name="Straight Connector 6"/>
            <p:cNvCxnSpPr/>
            <p:nvPr/>
          </p:nvCxnSpPr>
          <p:spPr bwMode="auto">
            <a:xfrm>
              <a:off x="312862" y="1009650"/>
              <a:ext cx="8471606" cy="0"/>
            </a:xfrm>
            <a:prstGeom prst="line">
              <a:avLst/>
            </a:prstGeom>
            <a:ln w="3175">
              <a:solidFill>
                <a:schemeClr val="bg1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pic>
        <p:nvPicPr>
          <p:cNvPr id="100" name="Picture 8" descr="C:\Users\Stephen\Downloads\15.pn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209800" y="1616075"/>
            <a:ext cx="382588" cy="533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29" name="Picture 5" descr="C:\Users\Stephen\Downloads\18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14513" y="1476375"/>
            <a:ext cx="509587" cy="501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0" name="Picture 6" descr="C:\Users\Stephen\Downloads\17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66888" y="1811338"/>
            <a:ext cx="373062" cy="4651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1" name="Picture 7" descr="C:\Users\Stephen\Downloads\16.png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403350" y="1476375"/>
            <a:ext cx="498475" cy="5318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2" name="Picture 8" descr="C:\Users\Stephen\Downloads\15.pn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71475" y="1455738"/>
            <a:ext cx="382588" cy="5349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41" name="Picture 17" descr="C:\Users\Stephen\Downloads\6.png"/>
          <p:cNvPicPr>
            <a:picLocks noChangeAspect="1" noChangeArrowheads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09600" y="1716088"/>
            <a:ext cx="419100" cy="492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42" name="Picture 18" descr="C:\Users\Stephen\Downloads\5.png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17600" y="1619250"/>
            <a:ext cx="412750" cy="514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27" name="Picture 3" descr="C:\Users\Stephen\Downloads\20.png"/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70100" y="1876425"/>
            <a:ext cx="341313" cy="4889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6" name="Picture 12" descr="C:\Users\Stephen\Downloads\11.png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7975" y="1862138"/>
            <a:ext cx="390525" cy="517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8" name="Picture 14" descr="C:\Users\Stephen\Downloads\9.png"/>
          <p:cNvPicPr>
            <a:picLocks noChangeAspect="1" noChangeArrowheads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71600" y="1806575"/>
            <a:ext cx="446088" cy="501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40" name="Picture 16" descr="C:\Users\Stephen\Downloads\7.png"/>
          <p:cNvPicPr>
            <a:picLocks noChangeAspect="1" noChangeArrowheads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50900" y="1412875"/>
            <a:ext cx="377825" cy="5222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44" name="Picture 20" descr="C:\Users\Stephen\Desktop\2.png"/>
          <p:cNvPicPr>
            <a:picLocks noChangeAspect="1" noChangeArrowheads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47725" y="1765300"/>
            <a:ext cx="390525" cy="5000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45" name="Picture 21" descr="C:\Users\Stephen\Desktop\1.png"/>
          <p:cNvPicPr>
            <a:picLocks noChangeAspect="1" noChangeArrowheads="1"/>
          </p:cNvPicPr>
          <p:nvPr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36638" y="2001838"/>
            <a:ext cx="503237" cy="528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9" name="Picture 15" descr="C:\Users\Stephen\Downloads\8.png"/>
          <p:cNvPicPr>
            <a:picLocks noChangeAspect="1" noChangeArrowheads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44513" y="2012950"/>
            <a:ext cx="357187" cy="4873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43" name="Picture 19" descr="C:\Users\Stephen\Downloads\4.png"/>
          <p:cNvPicPr>
            <a:picLocks noChangeAspect="1" noChangeArrowheads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71525" y="2166938"/>
            <a:ext cx="484188" cy="495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5" name="Picture 11" descr="C:\Users\Stephen\Downloads\12.png"/>
          <p:cNvPicPr>
            <a:picLocks noChangeAspect="1" noChangeArrowheads="1"/>
          </p:cNvPicPr>
          <p:nvPr/>
        </p:nvPicPr>
        <p:blipFill>
          <a:blip r:embed="rId18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93850" y="2019300"/>
            <a:ext cx="377825" cy="498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7" name="Picture 13" descr="C:\Users\Stephen\Downloads\10.png"/>
          <p:cNvPicPr>
            <a:picLocks noChangeAspect="1" noChangeArrowheads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12863" y="2149475"/>
            <a:ext cx="454025" cy="5254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3" name="Picture 9" descr="C:\Users\Stephen\Downloads\14.png"/>
          <p:cNvPicPr>
            <a:picLocks noChangeAspect="1" noChangeArrowheads="1"/>
          </p:cNvPicPr>
          <p:nvPr/>
        </p:nvPicPr>
        <p:blipFill>
          <a:blip r:embed="rId20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36563" y="2227263"/>
            <a:ext cx="414337" cy="520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28" name="Picture 4" descr="C:\Users\Stephen\Downloads\19.png"/>
          <p:cNvPicPr>
            <a:picLocks noChangeAspect="1" noChangeArrowheads="1"/>
          </p:cNvPicPr>
          <p:nvPr/>
        </p:nvPicPr>
        <p:blipFill>
          <a:blip r:embed="rId2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4150" y="2085975"/>
            <a:ext cx="460375" cy="569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26" name="Picture 2" descr="C:\Users\Stephen\Downloads\3.png"/>
          <p:cNvPicPr>
            <a:picLocks noChangeAspect="1" noChangeArrowheads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97088" y="2120900"/>
            <a:ext cx="454025" cy="517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1034" name="Picture 10" descr="C:\Users\Stephen\Downloads\13.png"/>
          <p:cNvPicPr>
            <a:picLocks noChangeAspect="1" noChangeArrowheads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31975" y="2203450"/>
            <a:ext cx="438150" cy="498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2" name="Picture 7" descr="C:\Users\Stephen\Downloads\16.png"/>
          <p:cNvPicPr>
            <a:picLocks noChangeAspect="1" noChangeArrowheads="1"/>
          </p:cNvPicPr>
          <p:nvPr/>
        </p:nvPicPr>
        <p:blipFill>
          <a:blip r:embed="rId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43275" y="1528763"/>
            <a:ext cx="498475" cy="5302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4" name="Picture 17" descr="C:\Users\Stephen\Downloads\6.png"/>
          <p:cNvPicPr>
            <a:picLocks noChangeAspect="1" noChangeArrowheads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51100" y="1654175"/>
            <a:ext cx="417513" cy="4937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5" name="Picture 18" descr="C:\Users\Stephen\Downloads\5.png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00375" y="1643063"/>
            <a:ext cx="412750" cy="514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6" name="Picture 3" descr="C:\Users\Stephen\Downloads\20.png"/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57638" y="1903413"/>
            <a:ext cx="341312" cy="4873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8" name="Picture 6" descr="C:\Users\Stephen\Downloads\17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56013" y="1838325"/>
            <a:ext cx="371475" cy="4651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0" name="Picture 14" descr="C:\Users\Stephen\Downloads\9.png"/>
          <p:cNvPicPr>
            <a:picLocks noChangeAspect="1" noChangeArrowheads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59138" y="1833563"/>
            <a:ext cx="446087" cy="5000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1" name="Picture 16" descr="C:\Users\Stephen\Downloads\7.png"/>
          <p:cNvPicPr>
            <a:picLocks noChangeAspect="1" noChangeArrowheads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40025" y="1438275"/>
            <a:ext cx="3762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2" name="Picture 20" descr="C:\Users\Stephen\Desktop\2.png"/>
          <p:cNvPicPr>
            <a:picLocks noChangeAspect="1" noChangeArrowheads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35263" y="1792288"/>
            <a:ext cx="390525" cy="5000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3" name="Picture 21" descr="C:\Users\Stephen\Desktop\1.png"/>
          <p:cNvPicPr>
            <a:picLocks noChangeAspect="1" noChangeArrowheads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25763" y="2028825"/>
            <a:ext cx="501650" cy="5286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4" name="Picture 15" descr="C:\Users\Stephen\Downloads\8.png"/>
          <p:cNvPicPr>
            <a:picLocks noChangeAspect="1" noChangeArrowheads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98713" y="1978025"/>
            <a:ext cx="358775" cy="4873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5" name="Picture 19" descr="C:\Users\Stephen\Downloads\4.png"/>
          <p:cNvPicPr>
            <a:picLocks noChangeAspect="1" noChangeArrowheads="1"/>
          </p:cNvPicPr>
          <p:nvPr/>
        </p:nvPicPr>
        <p:blipFill>
          <a:blip r:embed="rId1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660650" y="2192338"/>
            <a:ext cx="484188" cy="4968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6" name="Picture 11" descr="C:\Users\Stephen\Downloads\12.png"/>
          <p:cNvPicPr>
            <a:picLocks noChangeAspect="1" noChangeArrowheads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482975" y="2046288"/>
            <a:ext cx="376238" cy="498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7" name="Picture 13" descr="C:\Users\Stephen\Downloads\10.png"/>
          <p:cNvPicPr>
            <a:picLocks noChangeAspect="1" noChangeArrowheads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00400" y="2176463"/>
            <a:ext cx="454025" cy="5254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88" name="Picture 9" descr="C:\Users\Stephen\Downloads\14.png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324100" y="2254250"/>
            <a:ext cx="415925" cy="520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0" name="Picture 10" descr="C:\Users\Stephen\Downloads\13.png"/>
          <p:cNvPicPr>
            <a:picLocks noChangeAspect="1" noChangeArrowheads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75063" y="2192338"/>
            <a:ext cx="438150" cy="498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5" name="Picture 5" descr="C:\Users\Stephen\Downloads\18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77975" y="2405063"/>
            <a:ext cx="508000" cy="5000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0" name="Picture 7" descr="C:\Users\Stephen\Downloads\16.png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33475" y="2303463"/>
            <a:ext cx="498475" cy="5318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1" name="Picture 8" descr="C:\Users\Stephen\Downloads\15.pn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4938" y="2371725"/>
            <a:ext cx="382587" cy="5334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2" name="Picture 17" descr="C:\Users\Stephen\Downloads\6.png"/>
          <p:cNvPicPr>
            <a:picLocks noChangeAspect="1" noChangeArrowheads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5438" y="2535238"/>
            <a:ext cx="417512" cy="492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3" name="Picture 18" descr="C:\Users\Stephen\Downloads\5.png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69950" y="2468563"/>
            <a:ext cx="412750" cy="514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4" name="Picture 3" descr="C:\Users\Stephen\Downloads\20.png"/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31975" y="2792413"/>
            <a:ext cx="341313" cy="4873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6" name="Picture 6" descr="C:\Users\Stephen\Downloads\17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30350" y="2727325"/>
            <a:ext cx="371475" cy="4651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7" name="Picture 12" descr="C:\Users\Stephen\Downloads\11.png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9850" y="2778125"/>
            <a:ext cx="390525" cy="5159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8" name="Picture 14" descr="C:\Users\Stephen\Downloads\9.png"/>
          <p:cNvPicPr>
            <a:picLocks noChangeAspect="1" noChangeArrowheads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174750" y="2671763"/>
            <a:ext cx="446088" cy="501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39" name="Picture 16" descr="C:\Users\Stephen\Downloads\7.png"/>
          <p:cNvPicPr>
            <a:picLocks noChangeAspect="1" noChangeArrowheads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14363" y="2327275"/>
            <a:ext cx="3762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0" name="Picture 20" descr="C:\Users\Stephen\Desktop\2.png"/>
          <p:cNvPicPr>
            <a:picLocks noChangeAspect="1" noChangeArrowheads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09600" y="2681288"/>
            <a:ext cx="390525" cy="5000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1" name="Picture 21" descr="C:\Users\Stephen\Desktop\1.png"/>
          <p:cNvPicPr>
            <a:picLocks noChangeAspect="1" noChangeArrowheads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00100" y="2917825"/>
            <a:ext cx="501650" cy="5286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2" name="Picture 15" descr="C:\Users\Stephen\Downloads\8.png"/>
          <p:cNvPicPr>
            <a:picLocks noChangeAspect="1" noChangeArrowheads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6388" y="2928938"/>
            <a:ext cx="358775" cy="4873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3" name="Picture 19" descr="C:\Users\Stephen\Downloads\4.png"/>
          <p:cNvPicPr>
            <a:picLocks noChangeAspect="1" noChangeArrowheads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4988" y="3081338"/>
            <a:ext cx="484187" cy="495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4" name="Picture 11" descr="C:\Users\Stephen\Downloads\12.png"/>
          <p:cNvPicPr>
            <a:picLocks noChangeAspect="1" noChangeArrowheads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357313" y="2935288"/>
            <a:ext cx="376237" cy="498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5" name="Picture 13" descr="C:\Users\Stephen\Downloads\10.png"/>
          <p:cNvPicPr>
            <a:picLocks noChangeAspect="1" noChangeArrowheads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074738" y="3065463"/>
            <a:ext cx="454025" cy="5254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6" name="Picture 9" descr="C:\Users\Stephen\Downloads\14.png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63513" y="3090863"/>
            <a:ext cx="415925" cy="520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8" name="Picture 10" descr="C:\Users\Stephen\Downloads\13.png"/>
          <p:cNvPicPr>
            <a:picLocks noChangeAspect="1" noChangeArrowheads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549400" y="3081338"/>
            <a:ext cx="438150" cy="4984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2" name="Picture 18" descr="C:\Users\Stephen\Downloads\5.png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70100" y="2520950"/>
            <a:ext cx="412750" cy="514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95" name="Picture 21" descr="C:\Users\Stephen\Desktop\1.png"/>
          <p:cNvPicPr>
            <a:picLocks noChangeAspect="1" noChangeArrowheads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020888" y="2751138"/>
            <a:ext cx="501650" cy="5286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49" name="Picture 2" descr="C:\Users\Stephen\Downloads\3.png"/>
          <p:cNvPicPr>
            <a:picLocks noChangeAspect="1" noChangeArrowheads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854200" y="3060700"/>
            <a:ext cx="454025" cy="517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1" name="Picture 7" descr="C:\Users\Stephen\Downloads\16.png"/>
          <p:cNvPicPr>
            <a:picLocks noChangeAspect="1" noChangeArrowheads="1"/>
          </p:cNvPicPr>
          <p:nvPr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19488" y="2282825"/>
            <a:ext cx="498475" cy="5318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2" name="Picture 8" descr="C:\Users\Stephen\Downloads\15.png"/>
          <p:cNvPicPr>
            <a:picLocks noChangeAspect="1" noChangeArrowheads="1"/>
          </p:cNvPicPr>
          <p:nvPr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01900" y="2279650"/>
            <a:ext cx="382588" cy="5349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3" name="Picture 17" descr="C:\Users\Stephen\Downloads\6.png"/>
          <p:cNvPicPr>
            <a:picLocks noChangeAspect="1" noChangeArrowheads="1"/>
          </p:cNvPicPr>
          <p:nvPr/>
        </p:nvPicPr>
        <p:blipFill>
          <a:blip r:embed="rId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11450" y="2522538"/>
            <a:ext cx="419100" cy="4921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4" name="Picture 18" descr="C:\Users\Stephen\Downloads\5.png"/>
          <p:cNvPicPr>
            <a:picLocks noChangeAspect="1" noChangeArrowheads="1"/>
          </p:cNvPicPr>
          <p:nvPr/>
        </p:nvPicPr>
        <p:blipFill>
          <a:blip r:embed="rId9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255963" y="2447925"/>
            <a:ext cx="412750" cy="5143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6" name="Picture 5" descr="C:\Users\Stephen\Downloads\18.png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963988" y="2306638"/>
            <a:ext cx="509587" cy="5016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8" name="Picture 12" descr="C:\Users\Stephen\Downloads\11.png"/>
          <p:cNvPicPr>
            <a:picLocks noChangeAspect="1" noChangeArrowheads="1"/>
          </p:cNvPicPr>
          <p:nvPr/>
        </p:nvPicPr>
        <p:blipFill>
          <a:blip r:embed="rId11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405063" y="2736850"/>
            <a:ext cx="392112" cy="517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0" name="Picture 16" descr="C:\Users\Stephen\Downloads\7.png"/>
          <p:cNvPicPr>
            <a:picLocks noChangeAspect="1" noChangeArrowheads="1"/>
          </p:cNvPicPr>
          <p:nvPr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000375" y="2306638"/>
            <a:ext cx="376238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3" name="Picture 15" descr="C:\Users\Stephen\Downloads\8.png"/>
          <p:cNvPicPr>
            <a:picLocks noChangeAspect="1" noChangeArrowheads="1"/>
          </p:cNvPicPr>
          <p:nvPr/>
        </p:nvPicPr>
        <p:blipFill>
          <a:blip r:embed="rId1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741613" y="2895600"/>
            <a:ext cx="357187" cy="4873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7" name="Picture 9" descr="C:\Users\Stephen\Downloads\14.png"/>
          <p:cNvPicPr>
            <a:picLocks noChangeAspect="1" noChangeArrowheads="1"/>
          </p:cNvPicPr>
          <p:nvPr/>
        </p:nvPicPr>
        <p:blipFill>
          <a:blip r:embed="rId2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549525" y="3086100"/>
            <a:ext cx="415925" cy="520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8" name="Picture 4" descr="C:\Users\Stephen\Downloads\19.png"/>
          <p:cNvPicPr>
            <a:picLocks noChangeAspect="1" noChangeArrowheads="1"/>
          </p:cNvPicPr>
          <p:nvPr/>
        </p:nvPicPr>
        <p:blipFill>
          <a:blip r:embed="rId21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192338" y="3019425"/>
            <a:ext cx="458787" cy="56991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5" name="Picture 3" descr="C:\Users\Stephen\Downloads\20.png"/>
          <p:cNvPicPr>
            <a:picLocks noChangeAspect="1" noChangeArrowheads="1"/>
          </p:cNvPicPr>
          <p:nvPr/>
        </p:nvPicPr>
        <p:blipFill>
          <a:blip r:embed="rId10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13213" y="2743200"/>
            <a:ext cx="341312" cy="4873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7" name="Picture 6" descr="C:\Users\Stephen\Downloads\17.png"/>
          <p:cNvPicPr>
            <a:picLocks noChangeAspect="1" noChangeArrowheads="1"/>
          </p:cNvPicPr>
          <p:nvPr/>
        </p:nvPicPr>
        <p:blipFill>
          <a:blip r:embed="rId6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44925" y="2655888"/>
            <a:ext cx="371475" cy="4651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59" name="Picture 14" descr="C:\Users\Stephen\Downloads\9.png"/>
          <p:cNvPicPr>
            <a:picLocks noChangeAspect="1" noChangeArrowheads="1"/>
          </p:cNvPicPr>
          <p:nvPr/>
        </p:nvPicPr>
        <p:blipFill>
          <a:blip r:embed="rId1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519488" y="2701925"/>
            <a:ext cx="446087" cy="5000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1" name="Picture 20" descr="C:\Users\Stephen\Desktop\2.png"/>
          <p:cNvPicPr>
            <a:picLocks noChangeAspect="1" noChangeArrowheads="1"/>
          </p:cNvPicPr>
          <p:nvPr/>
        </p:nvPicPr>
        <p:blipFill>
          <a:blip r:embed="rId1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95613" y="2660650"/>
            <a:ext cx="390525" cy="5000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2" name="Picture 21" descr="C:\Users\Stephen\Desktop\1.png"/>
          <p:cNvPicPr>
            <a:picLocks noChangeAspect="1" noChangeArrowheads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86113" y="2835275"/>
            <a:ext cx="501650" cy="5270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4" name="Picture 19" descr="C:\Users\Stephen\Downloads\4.png"/>
          <p:cNvPicPr>
            <a:picLocks noChangeAspect="1" noChangeArrowheads="1"/>
          </p:cNvPicPr>
          <p:nvPr/>
        </p:nvPicPr>
        <p:blipFill>
          <a:blip r:embed="rId17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2921000" y="3074988"/>
            <a:ext cx="484188" cy="495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5" name="Picture 11" descr="C:\Users\Stephen\Downloads\12.png"/>
          <p:cNvPicPr>
            <a:picLocks noChangeAspect="1" noChangeArrowheads="1"/>
          </p:cNvPicPr>
          <p:nvPr/>
        </p:nvPicPr>
        <p:blipFill>
          <a:blip r:embed="rId18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675063" y="2962275"/>
            <a:ext cx="377825" cy="49688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6" name="Picture 13" descr="C:\Users\Stephen\Downloads\10.png"/>
          <p:cNvPicPr>
            <a:picLocks noChangeAspect="1" noChangeArrowheads="1"/>
          </p:cNvPicPr>
          <p:nvPr/>
        </p:nvPicPr>
        <p:blipFill>
          <a:blip r:embed="rId19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84550" y="3030538"/>
            <a:ext cx="454025" cy="5254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69" name="Picture 10" descr="C:\Users\Stephen\Downloads\13.png"/>
          <p:cNvPicPr>
            <a:picLocks noChangeAspect="1" noChangeArrowheads="1"/>
          </p:cNvPicPr>
          <p:nvPr/>
        </p:nvPicPr>
        <p:blipFill>
          <a:blip r:embed="rId2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27463" y="3055938"/>
            <a:ext cx="438150" cy="4968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pic>
        <p:nvPicPr>
          <p:cNvPr id="70" name="Picture 2" descr="C:\Users\Stephen\Downloads\3.png"/>
          <p:cNvPicPr>
            <a:picLocks noChangeAspect="1" noChangeArrowheads="1"/>
          </p:cNvPicPr>
          <p:nvPr/>
        </p:nvPicPr>
        <p:blipFill>
          <a:blip r:embed="rId2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117975" y="3048000"/>
            <a:ext cx="454025" cy="51752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5" name="TextBox 14"/>
          <p:cNvSpPr txBox="1">
            <a:spLocks noChangeArrowheads="1"/>
          </p:cNvSpPr>
          <p:nvPr/>
        </p:nvSpPr>
        <p:spPr bwMode="auto">
          <a:xfrm>
            <a:off x="3175" y="3619500"/>
            <a:ext cx="4568825" cy="307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/>
            <a:r>
              <a:rPr lang="en-US" altLang="en-US" sz="1400">
                <a:latin typeface="Gill Sans MT" panose="020B0502020104020203" pitchFamily="34" charset="0"/>
              </a:rPr>
              <a:t>There are </a:t>
            </a:r>
            <a:r>
              <a:rPr lang="en-US" altLang="en-US" sz="1400" b="1">
                <a:latin typeface="Gill Sans MT" panose="020B0502020104020203" pitchFamily="34" charset="0"/>
              </a:rPr>
              <a:t>1,182 students </a:t>
            </a:r>
            <a:r>
              <a:rPr lang="en-US" altLang="en-US" sz="1400">
                <a:latin typeface="Gill Sans MT" panose="020B0502020104020203" pitchFamily="34" charset="0"/>
              </a:rPr>
              <a:t>at a high school.</a:t>
            </a:r>
          </a:p>
        </p:txBody>
      </p:sp>
      <p:sp>
        <p:nvSpPr>
          <p:cNvPr id="115" name="TextBox 114"/>
          <p:cNvSpPr txBox="1">
            <a:spLocks noChangeArrowheads="1"/>
          </p:cNvSpPr>
          <p:nvPr/>
        </p:nvSpPr>
        <p:spPr bwMode="auto">
          <a:xfrm>
            <a:off x="4541838" y="3619500"/>
            <a:ext cx="4637087" cy="307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/>
            <a:r>
              <a:rPr lang="en-US" altLang="en-US" sz="1400" b="1">
                <a:latin typeface="Gill Sans MT" panose="020B0502020104020203" pitchFamily="34" charset="0"/>
              </a:rPr>
              <a:t>100</a:t>
            </a:r>
            <a:r>
              <a:rPr lang="en-US" altLang="en-US" sz="1400">
                <a:latin typeface="Gill Sans MT" panose="020B0502020104020203" pitchFamily="34" charset="0"/>
              </a:rPr>
              <a:t> students are selected </a:t>
            </a:r>
            <a:r>
              <a:rPr lang="en-US" altLang="en-US" sz="1400" b="1">
                <a:latin typeface="Gill Sans MT" panose="020B0502020104020203" pitchFamily="34" charset="0"/>
              </a:rPr>
              <a:t>at random </a:t>
            </a:r>
            <a:r>
              <a:rPr lang="en-US" altLang="en-US" sz="1400">
                <a:latin typeface="Gill Sans MT" panose="020B0502020104020203" pitchFamily="34" charset="0"/>
              </a:rPr>
              <a:t>to take a survey.</a:t>
            </a:r>
          </a:p>
        </p:txBody>
      </p:sp>
      <p:grpSp>
        <p:nvGrpSpPr>
          <p:cNvPr id="18" name="Group 17"/>
          <p:cNvGrpSpPr>
            <a:grpSpLocks/>
          </p:cNvGrpSpPr>
          <p:nvPr/>
        </p:nvGrpSpPr>
        <p:grpSpPr bwMode="auto">
          <a:xfrm>
            <a:off x="7138988" y="1036638"/>
            <a:ext cx="1798637" cy="938212"/>
            <a:chOff x="6613368" y="1031179"/>
            <a:chExt cx="1799070" cy="938296"/>
          </a:xfrm>
        </p:grpSpPr>
        <p:sp>
          <p:nvSpPr>
            <p:cNvPr id="116" name="Freeform 115"/>
            <p:cNvSpPr/>
            <p:nvPr/>
          </p:nvSpPr>
          <p:spPr>
            <a:xfrm>
              <a:off x="6613368" y="1051818"/>
              <a:ext cx="1799070" cy="917657"/>
            </a:xfrm>
            <a:custGeom>
              <a:avLst/>
              <a:gdLst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045028 w 5805714"/>
                <a:gd name="connsiteY38" fmla="*/ 9289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77371 w 5805714"/>
                <a:gd name="connsiteY45" fmla="*/ 943428 h 1059543"/>
                <a:gd name="connsiteX46" fmla="*/ 319314 w 5805714"/>
                <a:gd name="connsiteY46" fmla="*/ 928914 h 1059543"/>
                <a:gd name="connsiteX47" fmla="*/ 319314 w 5805714"/>
                <a:gd name="connsiteY47" fmla="*/ 928914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045028 w 5805714"/>
                <a:gd name="connsiteY38" fmla="*/ 9289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77371 w 5805714"/>
                <a:gd name="connsiteY45" fmla="*/ 943428 h 1059543"/>
                <a:gd name="connsiteX46" fmla="*/ 319314 w 5805714"/>
                <a:gd name="connsiteY46" fmla="*/ 928914 h 1059543"/>
                <a:gd name="connsiteX47" fmla="*/ 319314 w 5805714"/>
                <a:gd name="connsiteY47" fmla="*/ 92891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045028 w 5805714"/>
                <a:gd name="connsiteY38" fmla="*/ 9289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77371 w 5805714"/>
                <a:gd name="connsiteY45" fmla="*/ 94342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045028 w 5805714"/>
                <a:gd name="connsiteY38" fmla="*/ 9289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83721 w 5805714"/>
                <a:gd name="connsiteY45" fmla="*/ 96247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127578 w 5805714"/>
                <a:gd name="connsiteY38" fmla="*/ 9543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83721 w 5805714"/>
                <a:gd name="connsiteY45" fmla="*/ 96247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30086 w 5805714"/>
                <a:gd name="connsiteY37" fmla="*/ 986971 h 1059543"/>
                <a:gd name="connsiteX38" fmla="*/ 1127578 w 5805714"/>
                <a:gd name="connsiteY38" fmla="*/ 9543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83721 w 5805714"/>
                <a:gd name="connsiteY45" fmla="*/ 96247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348921 w 5805714"/>
                <a:gd name="connsiteY36" fmla="*/ 960664 h 1059543"/>
                <a:gd name="connsiteX37" fmla="*/ 1230086 w 5805714"/>
                <a:gd name="connsiteY37" fmla="*/ 986971 h 1059543"/>
                <a:gd name="connsiteX38" fmla="*/ 1127578 w 5805714"/>
                <a:gd name="connsiteY38" fmla="*/ 9543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83721 w 5805714"/>
                <a:gd name="connsiteY45" fmla="*/ 96247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944914 w 5805714"/>
                <a:gd name="connsiteY33" fmla="*/ 928914 h 1034143"/>
                <a:gd name="connsiteX34" fmla="*/ 1654628 w 5805714"/>
                <a:gd name="connsiteY34" fmla="*/ 986971 h 1034143"/>
                <a:gd name="connsiteX35" fmla="*/ 1520371 w 5805714"/>
                <a:gd name="connsiteY35" fmla="*/ 1034143 h 1034143"/>
                <a:gd name="connsiteX36" fmla="*/ 1348921 w 5805714"/>
                <a:gd name="connsiteY36" fmla="*/ 960664 h 1034143"/>
                <a:gd name="connsiteX37" fmla="*/ 1230086 w 5805714"/>
                <a:gd name="connsiteY37" fmla="*/ 986971 h 1034143"/>
                <a:gd name="connsiteX38" fmla="*/ 1127578 w 5805714"/>
                <a:gd name="connsiteY38" fmla="*/ 954314 h 1034143"/>
                <a:gd name="connsiteX39" fmla="*/ 1030514 w 5805714"/>
                <a:gd name="connsiteY39" fmla="*/ 1016000 h 1034143"/>
                <a:gd name="connsiteX40" fmla="*/ 928914 w 5805714"/>
                <a:gd name="connsiteY40" fmla="*/ 1016000 h 1034143"/>
                <a:gd name="connsiteX41" fmla="*/ 798286 w 5805714"/>
                <a:gd name="connsiteY41" fmla="*/ 943428 h 1034143"/>
                <a:gd name="connsiteX42" fmla="*/ 653143 w 5805714"/>
                <a:gd name="connsiteY42" fmla="*/ 928914 h 1034143"/>
                <a:gd name="connsiteX43" fmla="*/ 537028 w 5805714"/>
                <a:gd name="connsiteY43" fmla="*/ 957943 h 1034143"/>
                <a:gd name="connsiteX44" fmla="*/ 493486 w 5805714"/>
                <a:gd name="connsiteY44" fmla="*/ 1001485 h 1034143"/>
                <a:gd name="connsiteX45" fmla="*/ 383721 w 5805714"/>
                <a:gd name="connsiteY45" fmla="*/ 962478 h 1034143"/>
                <a:gd name="connsiteX46" fmla="*/ 319314 w 5805714"/>
                <a:gd name="connsiteY46" fmla="*/ 928914 h 1034143"/>
                <a:gd name="connsiteX47" fmla="*/ 224064 w 5805714"/>
                <a:gd name="connsiteY47" fmla="*/ 947964 h 1034143"/>
                <a:gd name="connsiteX48" fmla="*/ 0 w 5805714"/>
                <a:gd name="connsiteY48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944914 w 5805714"/>
                <a:gd name="connsiteY33" fmla="*/ 928914 h 1034143"/>
                <a:gd name="connsiteX34" fmla="*/ 1778907 w 5805714"/>
                <a:gd name="connsiteY34" fmla="*/ 96066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944914 w 5805714"/>
                <a:gd name="connsiteY33" fmla="*/ 9289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944914 w 5805714"/>
                <a:gd name="connsiteY33" fmla="*/ 96066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12043 w 5805714"/>
                <a:gd name="connsiteY32" fmla="*/ 9978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169886 w 5805714"/>
                <a:gd name="connsiteY31" fmla="*/ 982435 h 1034143"/>
                <a:gd name="connsiteX32" fmla="*/ 2012043 w 5805714"/>
                <a:gd name="connsiteY32" fmla="*/ 9978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05050 w 5805714"/>
                <a:gd name="connsiteY30" fmla="*/ 1023257 h 1034143"/>
                <a:gd name="connsiteX31" fmla="*/ 2169886 w 5805714"/>
                <a:gd name="connsiteY31" fmla="*/ 982435 h 1034143"/>
                <a:gd name="connsiteX32" fmla="*/ 2012043 w 5805714"/>
                <a:gd name="connsiteY32" fmla="*/ 9978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405743 w 5805714"/>
                <a:gd name="connsiteY29" fmla="*/ 932543 h 1034143"/>
                <a:gd name="connsiteX30" fmla="*/ 2305050 w 5805714"/>
                <a:gd name="connsiteY30" fmla="*/ 1023257 h 1034143"/>
                <a:gd name="connsiteX31" fmla="*/ 2169886 w 5805714"/>
                <a:gd name="connsiteY31" fmla="*/ 982435 h 1034143"/>
                <a:gd name="connsiteX32" fmla="*/ 2012043 w 5805714"/>
                <a:gd name="connsiteY32" fmla="*/ 9978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509157 w 5805714"/>
                <a:gd name="connsiteY29" fmla="*/ 986064 h 1034143"/>
                <a:gd name="connsiteX30" fmla="*/ 2405743 w 5805714"/>
                <a:gd name="connsiteY30" fmla="*/ 932543 h 1034143"/>
                <a:gd name="connsiteX31" fmla="*/ 2305050 w 5805714"/>
                <a:gd name="connsiteY31" fmla="*/ 1023257 h 1034143"/>
                <a:gd name="connsiteX32" fmla="*/ 2169886 w 5805714"/>
                <a:gd name="connsiteY32" fmla="*/ 982435 h 1034143"/>
                <a:gd name="connsiteX33" fmla="*/ 2012043 w 5805714"/>
                <a:gd name="connsiteY33" fmla="*/ 997857 h 1034143"/>
                <a:gd name="connsiteX34" fmla="*/ 1894114 w 5805714"/>
                <a:gd name="connsiteY34" fmla="*/ 941614 h 1034143"/>
                <a:gd name="connsiteX35" fmla="*/ 1785257 w 5805714"/>
                <a:gd name="connsiteY35" fmla="*/ 992414 h 1034143"/>
                <a:gd name="connsiteX36" fmla="*/ 1654628 w 5805714"/>
                <a:gd name="connsiteY36" fmla="*/ 986971 h 1034143"/>
                <a:gd name="connsiteX37" fmla="*/ 1520371 w 5805714"/>
                <a:gd name="connsiteY37" fmla="*/ 1034143 h 1034143"/>
                <a:gd name="connsiteX38" fmla="*/ 1348921 w 5805714"/>
                <a:gd name="connsiteY38" fmla="*/ 960664 h 1034143"/>
                <a:gd name="connsiteX39" fmla="*/ 1230086 w 5805714"/>
                <a:gd name="connsiteY39" fmla="*/ 986971 h 1034143"/>
                <a:gd name="connsiteX40" fmla="*/ 1127578 w 5805714"/>
                <a:gd name="connsiteY40" fmla="*/ 954314 h 1034143"/>
                <a:gd name="connsiteX41" fmla="*/ 1030514 w 5805714"/>
                <a:gd name="connsiteY41" fmla="*/ 1016000 h 1034143"/>
                <a:gd name="connsiteX42" fmla="*/ 928914 w 5805714"/>
                <a:gd name="connsiteY42" fmla="*/ 1016000 h 1034143"/>
                <a:gd name="connsiteX43" fmla="*/ 798286 w 5805714"/>
                <a:gd name="connsiteY43" fmla="*/ 943428 h 1034143"/>
                <a:gd name="connsiteX44" fmla="*/ 653143 w 5805714"/>
                <a:gd name="connsiteY44" fmla="*/ 928914 h 1034143"/>
                <a:gd name="connsiteX45" fmla="*/ 537028 w 5805714"/>
                <a:gd name="connsiteY45" fmla="*/ 957943 h 1034143"/>
                <a:gd name="connsiteX46" fmla="*/ 493486 w 5805714"/>
                <a:gd name="connsiteY46" fmla="*/ 1001485 h 1034143"/>
                <a:gd name="connsiteX47" fmla="*/ 383721 w 5805714"/>
                <a:gd name="connsiteY47" fmla="*/ 962478 h 1034143"/>
                <a:gd name="connsiteX48" fmla="*/ 319314 w 5805714"/>
                <a:gd name="connsiteY48" fmla="*/ 928914 h 1034143"/>
                <a:gd name="connsiteX49" fmla="*/ 224064 w 5805714"/>
                <a:gd name="connsiteY49" fmla="*/ 947964 h 1034143"/>
                <a:gd name="connsiteX50" fmla="*/ 0 w 5805714"/>
                <a:gd name="connsiteY50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509157 w 5805714"/>
                <a:gd name="connsiteY29" fmla="*/ 986064 h 1034143"/>
                <a:gd name="connsiteX30" fmla="*/ 2393043 w 5805714"/>
                <a:gd name="connsiteY30" fmla="*/ 983343 h 1034143"/>
                <a:gd name="connsiteX31" fmla="*/ 2305050 w 5805714"/>
                <a:gd name="connsiteY31" fmla="*/ 1023257 h 1034143"/>
                <a:gd name="connsiteX32" fmla="*/ 2169886 w 5805714"/>
                <a:gd name="connsiteY32" fmla="*/ 982435 h 1034143"/>
                <a:gd name="connsiteX33" fmla="*/ 2012043 w 5805714"/>
                <a:gd name="connsiteY33" fmla="*/ 997857 h 1034143"/>
                <a:gd name="connsiteX34" fmla="*/ 1894114 w 5805714"/>
                <a:gd name="connsiteY34" fmla="*/ 941614 h 1034143"/>
                <a:gd name="connsiteX35" fmla="*/ 1785257 w 5805714"/>
                <a:gd name="connsiteY35" fmla="*/ 992414 h 1034143"/>
                <a:gd name="connsiteX36" fmla="*/ 1654628 w 5805714"/>
                <a:gd name="connsiteY36" fmla="*/ 986971 h 1034143"/>
                <a:gd name="connsiteX37" fmla="*/ 1520371 w 5805714"/>
                <a:gd name="connsiteY37" fmla="*/ 1034143 h 1034143"/>
                <a:gd name="connsiteX38" fmla="*/ 1348921 w 5805714"/>
                <a:gd name="connsiteY38" fmla="*/ 960664 h 1034143"/>
                <a:gd name="connsiteX39" fmla="*/ 1230086 w 5805714"/>
                <a:gd name="connsiteY39" fmla="*/ 986971 h 1034143"/>
                <a:gd name="connsiteX40" fmla="*/ 1127578 w 5805714"/>
                <a:gd name="connsiteY40" fmla="*/ 954314 h 1034143"/>
                <a:gd name="connsiteX41" fmla="*/ 1030514 w 5805714"/>
                <a:gd name="connsiteY41" fmla="*/ 1016000 h 1034143"/>
                <a:gd name="connsiteX42" fmla="*/ 928914 w 5805714"/>
                <a:gd name="connsiteY42" fmla="*/ 1016000 h 1034143"/>
                <a:gd name="connsiteX43" fmla="*/ 798286 w 5805714"/>
                <a:gd name="connsiteY43" fmla="*/ 943428 h 1034143"/>
                <a:gd name="connsiteX44" fmla="*/ 653143 w 5805714"/>
                <a:gd name="connsiteY44" fmla="*/ 928914 h 1034143"/>
                <a:gd name="connsiteX45" fmla="*/ 537028 w 5805714"/>
                <a:gd name="connsiteY45" fmla="*/ 957943 h 1034143"/>
                <a:gd name="connsiteX46" fmla="*/ 493486 w 5805714"/>
                <a:gd name="connsiteY46" fmla="*/ 1001485 h 1034143"/>
                <a:gd name="connsiteX47" fmla="*/ 383721 w 5805714"/>
                <a:gd name="connsiteY47" fmla="*/ 962478 h 1034143"/>
                <a:gd name="connsiteX48" fmla="*/ 319314 w 5805714"/>
                <a:gd name="connsiteY48" fmla="*/ 928914 h 1034143"/>
                <a:gd name="connsiteX49" fmla="*/ 224064 w 5805714"/>
                <a:gd name="connsiteY49" fmla="*/ 947964 h 1034143"/>
                <a:gd name="connsiteX50" fmla="*/ 0 w 5805714"/>
                <a:gd name="connsiteY50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25271 w 5805714"/>
                <a:gd name="connsiteY27" fmla="*/ 975178 h 1034143"/>
                <a:gd name="connsiteX28" fmla="*/ 2554514 w 5805714"/>
                <a:gd name="connsiteY28" fmla="*/ 943428 h 1034143"/>
                <a:gd name="connsiteX29" fmla="*/ 2509157 w 5805714"/>
                <a:gd name="connsiteY29" fmla="*/ 986064 h 1034143"/>
                <a:gd name="connsiteX30" fmla="*/ 2393043 w 5805714"/>
                <a:gd name="connsiteY30" fmla="*/ 983343 h 1034143"/>
                <a:gd name="connsiteX31" fmla="*/ 2305050 w 5805714"/>
                <a:gd name="connsiteY31" fmla="*/ 1023257 h 1034143"/>
                <a:gd name="connsiteX32" fmla="*/ 2169886 w 5805714"/>
                <a:gd name="connsiteY32" fmla="*/ 982435 h 1034143"/>
                <a:gd name="connsiteX33" fmla="*/ 2012043 w 5805714"/>
                <a:gd name="connsiteY33" fmla="*/ 997857 h 1034143"/>
                <a:gd name="connsiteX34" fmla="*/ 1894114 w 5805714"/>
                <a:gd name="connsiteY34" fmla="*/ 941614 h 1034143"/>
                <a:gd name="connsiteX35" fmla="*/ 1785257 w 5805714"/>
                <a:gd name="connsiteY35" fmla="*/ 992414 h 1034143"/>
                <a:gd name="connsiteX36" fmla="*/ 1654628 w 5805714"/>
                <a:gd name="connsiteY36" fmla="*/ 986971 h 1034143"/>
                <a:gd name="connsiteX37" fmla="*/ 1520371 w 5805714"/>
                <a:gd name="connsiteY37" fmla="*/ 1034143 h 1034143"/>
                <a:gd name="connsiteX38" fmla="*/ 1348921 w 5805714"/>
                <a:gd name="connsiteY38" fmla="*/ 960664 h 1034143"/>
                <a:gd name="connsiteX39" fmla="*/ 1230086 w 5805714"/>
                <a:gd name="connsiteY39" fmla="*/ 986971 h 1034143"/>
                <a:gd name="connsiteX40" fmla="*/ 1127578 w 5805714"/>
                <a:gd name="connsiteY40" fmla="*/ 954314 h 1034143"/>
                <a:gd name="connsiteX41" fmla="*/ 1030514 w 5805714"/>
                <a:gd name="connsiteY41" fmla="*/ 1016000 h 1034143"/>
                <a:gd name="connsiteX42" fmla="*/ 928914 w 5805714"/>
                <a:gd name="connsiteY42" fmla="*/ 1016000 h 1034143"/>
                <a:gd name="connsiteX43" fmla="*/ 798286 w 5805714"/>
                <a:gd name="connsiteY43" fmla="*/ 943428 h 1034143"/>
                <a:gd name="connsiteX44" fmla="*/ 653143 w 5805714"/>
                <a:gd name="connsiteY44" fmla="*/ 928914 h 1034143"/>
                <a:gd name="connsiteX45" fmla="*/ 537028 w 5805714"/>
                <a:gd name="connsiteY45" fmla="*/ 957943 h 1034143"/>
                <a:gd name="connsiteX46" fmla="*/ 493486 w 5805714"/>
                <a:gd name="connsiteY46" fmla="*/ 1001485 h 1034143"/>
                <a:gd name="connsiteX47" fmla="*/ 383721 w 5805714"/>
                <a:gd name="connsiteY47" fmla="*/ 962478 h 1034143"/>
                <a:gd name="connsiteX48" fmla="*/ 319314 w 5805714"/>
                <a:gd name="connsiteY48" fmla="*/ 928914 h 1034143"/>
                <a:gd name="connsiteX49" fmla="*/ 224064 w 5805714"/>
                <a:gd name="connsiteY49" fmla="*/ 947964 h 1034143"/>
                <a:gd name="connsiteX50" fmla="*/ 0 w 5805714"/>
                <a:gd name="connsiteY50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82686 w 5805714"/>
                <a:gd name="connsiteY23" fmla="*/ 94615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25271 w 5805714"/>
                <a:gd name="connsiteY27" fmla="*/ 975178 h 1034143"/>
                <a:gd name="connsiteX28" fmla="*/ 2554514 w 5805714"/>
                <a:gd name="connsiteY28" fmla="*/ 943428 h 1034143"/>
                <a:gd name="connsiteX29" fmla="*/ 2509157 w 5805714"/>
                <a:gd name="connsiteY29" fmla="*/ 986064 h 1034143"/>
                <a:gd name="connsiteX30" fmla="*/ 2393043 w 5805714"/>
                <a:gd name="connsiteY30" fmla="*/ 983343 h 1034143"/>
                <a:gd name="connsiteX31" fmla="*/ 2305050 w 5805714"/>
                <a:gd name="connsiteY31" fmla="*/ 1023257 h 1034143"/>
                <a:gd name="connsiteX32" fmla="*/ 2169886 w 5805714"/>
                <a:gd name="connsiteY32" fmla="*/ 982435 h 1034143"/>
                <a:gd name="connsiteX33" fmla="*/ 2012043 w 5805714"/>
                <a:gd name="connsiteY33" fmla="*/ 997857 h 1034143"/>
                <a:gd name="connsiteX34" fmla="*/ 1894114 w 5805714"/>
                <a:gd name="connsiteY34" fmla="*/ 941614 h 1034143"/>
                <a:gd name="connsiteX35" fmla="*/ 1785257 w 5805714"/>
                <a:gd name="connsiteY35" fmla="*/ 992414 h 1034143"/>
                <a:gd name="connsiteX36" fmla="*/ 1654628 w 5805714"/>
                <a:gd name="connsiteY36" fmla="*/ 986971 h 1034143"/>
                <a:gd name="connsiteX37" fmla="*/ 1520371 w 5805714"/>
                <a:gd name="connsiteY37" fmla="*/ 1034143 h 1034143"/>
                <a:gd name="connsiteX38" fmla="*/ 1348921 w 5805714"/>
                <a:gd name="connsiteY38" fmla="*/ 960664 h 1034143"/>
                <a:gd name="connsiteX39" fmla="*/ 1230086 w 5805714"/>
                <a:gd name="connsiteY39" fmla="*/ 986971 h 1034143"/>
                <a:gd name="connsiteX40" fmla="*/ 1127578 w 5805714"/>
                <a:gd name="connsiteY40" fmla="*/ 954314 h 1034143"/>
                <a:gd name="connsiteX41" fmla="*/ 1030514 w 5805714"/>
                <a:gd name="connsiteY41" fmla="*/ 1016000 h 1034143"/>
                <a:gd name="connsiteX42" fmla="*/ 928914 w 5805714"/>
                <a:gd name="connsiteY42" fmla="*/ 1016000 h 1034143"/>
                <a:gd name="connsiteX43" fmla="*/ 798286 w 5805714"/>
                <a:gd name="connsiteY43" fmla="*/ 943428 h 1034143"/>
                <a:gd name="connsiteX44" fmla="*/ 653143 w 5805714"/>
                <a:gd name="connsiteY44" fmla="*/ 928914 h 1034143"/>
                <a:gd name="connsiteX45" fmla="*/ 537028 w 5805714"/>
                <a:gd name="connsiteY45" fmla="*/ 957943 h 1034143"/>
                <a:gd name="connsiteX46" fmla="*/ 493486 w 5805714"/>
                <a:gd name="connsiteY46" fmla="*/ 1001485 h 1034143"/>
                <a:gd name="connsiteX47" fmla="*/ 383721 w 5805714"/>
                <a:gd name="connsiteY47" fmla="*/ 962478 h 1034143"/>
                <a:gd name="connsiteX48" fmla="*/ 319314 w 5805714"/>
                <a:gd name="connsiteY48" fmla="*/ 928914 h 1034143"/>
                <a:gd name="connsiteX49" fmla="*/ 224064 w 5805714"/>
                <a:gd name="connsiteY49" fmla="*/ 947964 h 1034143"/>
                <a:gd name="connsiteX50" fmla="*/ 0 w 5805714"/>
                <a:gd name="connsiteY50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125107 w 5805714"/>
                <a:gd name="connsiteY22" fmla="*/ 960664 h 1034143"/>
                <a:gd name="connsiteX23" fmla="*/ 3077028 w 5805714"/>
                <a:gd name="connsiteY23" fmla="*/ 870857 h 1034143"/>
                <a:gd name="connsiteX24" fmla="*/ 2982686 w 5805714"/>
                <a:gd name="connsiteY24" fmla="*/ 946150 h 1034143"/>
                <a:gd name="connsiteX25" fmla="*/ 2830286 w 5805714"/>
                <a:gd name="connsiteY25" fmla="*/ 943428 h 1034143"/>
                <a:gd name="connsiteX26" fmla="*/ 2801257 w 5805714"/>
                <a:gd name="connsiteY26" fmla="*/ 1001485 h 1034143"/>
                <a:gd name="connsiteX27" fmla="*/ 2699657 w 5805714"/>
                <a:gd name="connsiteY27" fmla="*/ 1001485 h 1034143"/>
                <a:gd name="connsiteX28" fmla="*/ 2625271 w 5805714"/>
                <a:gd name="connsiteY28" fmla="*/ 975178 h 1034143"/>
                <a:gd name="connsiteX29" fmla="*/ 2554514 w 5805714"/>
                <a:gd name="connsiteY29" fmla="*/ 943428 h 1034143"/>
                <a:gd name="connsiteX30" fmla="*/ 2509157 w 5805714"/>
                <a:gd name="connsiteY30" fmla="*/ 986064 h 1034143"/>
                <a:gd name="connsiteX31" fmla="*/ 2393043 w 5805714"/>
                <a:gd name="connsiteY31" fmla="*/ 983343 h 1034143"/>
                <a:gd name="connsiteX32" fmla="*/ 2305050 w 5805714"/>
                <a:gd name="connsiteY32" fmla="*/ 1023257 h 1034143"/>
                <a:gd name="connsiteX33" fmla="*/ 2169886 w 5805714"/>
                <a:gd name="connsiteY33" fmla="*/ 982435 h 1034143"/>
                <a:gd name="connsiteX34" fmla="*/ 2012043 w 5805714"/>
                <a:gd name="connsiteY34" fmla="*/ 997857 h 1034143"/>
                <a:gd name="connsiteX35" fmla="*/ 1894114 w 5805714"/>
                <a:gd name="connsiteY35" fmla="*/ 941614 h 1034143"/>
                <a:gd name="connsiteX36" fmla="*/ 1785257 w 5805714"/>
                <a:gd name="connsiteY36" fmla="*/ 992414 h 1034143"/>
                <a:gd name="connsiteX37" fmla="*/ 1654628 w 5805714"/>
                <a:gd name="connsiteY37" fmla="*/ 986971 h 1034143"/>
                <a:gd name="connsiteX38" fmla="*/ 1520371 w 5805714"/>
                <a:gd name="connsiteY38" fmla="*/ 1034143 h 1034143"/>
                <a:gd name="connsiteX39" fmla="*/ 1348921 w 5805714"/>
                <a:gd name="connsiteY39" fmla="*/ 960664 h 1034143"/>
                <a:gd name="connsiteX40" fmla="*/ 1230086 w 5805714"/>
                <a:gd name="connsiteY40" fmla="*/ 986971 h 1034143"/>
                <a:gd name="connsiteX41" fmla="*/ 1127578 w 5805714"/>
                <a:gd name="connsiteY41" fmla="*/ 954314 h 1034143"/>
                <a:gd name="connsiteX42" fmla="*/ 1030514 w 5805714"/>
                <a:gd name="connsiteY42" fmla="*/ 1016000 h 1034143"/>
                <a:gd name="connsiteX43" fmla="*/ 928914 w 5805714"/>
                <a:gd name="connsiteY43" fmla="*/ 1016000 h 1034143"/>
                <a:gd name="connsiteX44" fmla="*/ 798286 w 5805714"/>
                <a:gd name="connsiteY44" fmla="*/ 943428 h 1034143"/>
                <a:gd name="connsiteX45" fmla="*/ 653143 w 5805714"/>
                <a:gd name="connsiteY45" fmla="*/ 928914 h 1034143"/>
                <a:gd name="connsiteX46" fmla="*/ 537028 w 5805714"/>
                <a:gd name="connsiteY46" fmla="*/ 957943 h 1034143"/>
                <a:gd name="connsiteX47" fmla="*/ 493486 w 5805714"/>
                <a:gd name="connsiteY47" fmla="*/ 1001485 h 1034143"/>
                <a:gd name="connsiteX48" fmla="*/ 383721 w 5805714"/>
                <a:gd name="connsiteY48" fmla="*/ 962478 h 1034143"/>
                <a:gd name="connsiteX49" fmla="*/ 319314 w 5805714"/>
                <a:gd name="connsiteY49" fmla="*/ 928914 h 1034143"/>
                <a:gd name="connsiteX50" fmla="*/ 224064 w 5805714"/>
                <a:gd name="connsiteY50" fmla="*/ 947964 h 1034143"/>
                <a:gd name="connsiteX51" fmla="*/ 0 w 5805714"/>
                <a:gd name="connsiteY51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77028 w 5805714"/>
                <a:gd name="connsiteY24" fmla="*/ 87085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47671 w 5805714"/>
                <a:gd name="connsiteY15" fmla="*/ 9425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12986 w 5805714"/>
                <a:gd name="connsiteY14" fmla="*/ 881743 h 1034143"/>
                <a:gd name="connsiteX15" fmla="*/ 4047671 w 5805714"/>
                <a:gd name="connsiteY15" fmla="*/ 9425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78086 w 5805714"/>
                <a:gd name="connsiteY13" fmla="*/ 998764 h 1034143"/>
                <a:gd name="connsiteX14" fmla="*/ 4112986 w 5805714"/>
                <a:gd name="connsiteY14" fmla="*/ 881743 h 1034143"/>
                <a:gd name="connsiteX15" fmla="*/ 4047671 w 5805714"/>
                <a:gd name="connsiteY15" fmla="*/ 9425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78086 w 5805714"/>
                <a:gd name="connsiteY13" fmla="*/ 998764 h 1034143"/>
                <a:gd name="connsiteX14" fmla="*/ 4112986 w 5805714"/>
                <a:gd name="connsiteY14" fmla="*/ 88174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31393 w 5805714"/>
                <a:gd name="connsiteY12" fmla="*/ 9588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524828 w 5805714"/>
                <a:gd name="connsiteY11" fmla="*/ 913493 h 1034143"/>
                <a:gd name="connsiteX12" fmla="*/ 4431393 w 5805714"/>
                <a:gd name="connsiteY12" fmla="*/ 9588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524828 w 5805714"/>
                <a:gd name="connsiteY11" fmla="*/ 913493 h 1034143"/>
                <a:gd name="connsiteX12" fmla="*/ 4405993 w 5805714"/>
                <a:gd name="connsiteY12" fmla="*/ 9461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1421 w 5805714"/>
                <a:gd name="connsiteY8" fmla="*/ 9216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524828 w 5805714"/>
                <a:gd name="connsiteY11" fmla="*/ 913493 h 1034143"/>
                <a:gd name="connsiteX12" fmla="*/ 4405993 w 5805714"/>
                <a:gd name="connsiteY12" fmla="*/ 9461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1421 w 5805714"/>
                <a:gd name="connsiteY8" fmla="*/ 921657 h 1034143"/>
                <a:gd name="connsiteX9" fmla="*/ 4779736 w 5805714"/>
                <a:gd name="connsiteY9" fmla="*/ 994228 h 1034143"/>
                <a:gd name="connsiteX10" fmla="*/ 4644571 w 5805714"/>
                <a:gd name="connsiteY10" fmla="*/ 943428 h 1034143"/>
                <a:gd name="connsiteX11" fmla="*/ 4524828 w 5805714"/>
                <a:gd name="connsiteY11" fmla="*/ 913493 h 1034143"/>
                <a:gd name="connsiteX12" fmla="*/ 4405993 w 5805714"/>
                <a:gd name="connsiteY12" fmla="*/ 9461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4992007 w 5805714"/>
                <a:gd name="connsiteY7" fmla="*/ 954314 h 1034143"/>
                <a:gd name="connsiteX8" fmla="*/ 5007428 w 5805714"/>
                <a:gd name="connsiteY8" fmla="*/ 957943 h 1034143"/>
                <a:gd name="connsiteX9" fmla="*/ 4841421 w 5805714"/>
                <a:gd name="connsiteY9" fmla="*/ 921657 h 1034143"/>
                <a:gd name="connsiteX10" fmla="*/ 4779736 w 5805714"/>
                <a:gd name="connsiteY10" fmla="*/ 994228 h 1034143"/>
                <a:gd name="connsiteX11" fmla="*/ 4644571 w 5805714"/>
                <a:gd name="connsiteY11" fmla="*/ 943428 h 1034143"/>
                <a:gd name="connsiteX12" fmla="*/ 4524828 w 5805714"/>
                <a:gd name="connsiteY12" fmla="*/ 913493 h 1034143"/>
                <a:gd name="connsiteX13" fmla="*/ 4405993 w 5805714"/>
                <a:gd name="connsiteY13" fmla="*/ 946150 h 1034143"/>
                <a:gd name="connsiteX14" fmla="*/ 4278086 w 5805714"/>
                <a:gd name="connsiteY14" fmla="*/ 998764 h 1034143"/>
                <a:gd name="connsiteX15" fmla="*/ 4125686 w 5805714"/>
                <a:gd name="connsiteY15" fmla="*/ 913493 h 1034143"/>
                <a:gd name="connsiteX16" fmla="*/ 4054021 w 5805714"/>
                <a:gd name="connsiteY16" fmla="*/ 993321 h 1034143"/>
                <a:gd name="connsiteX17" fmla="*/ 3889828 w 5805714"/>
                <a:gd name="connsiteY17" fmla="*/ 914400 h 1034143"/>
                <a:gd name="connsiteX18" fmla="*/ 3788228 w 5805714"/>
                <a:gd name="connsiteY18" fmla="*/ 957943 h 1034143"/>
                <a:gd name="connsiteX19" fmla="*/ 3605893 w 5805714"/>
                <a:gd name="connsiteY19" fmla="*/ 910771 h 1034143"/>
                <a:gd name="connsiteX20" fmla="*/ 3521528 w 5805714"/>
                <a:gd name="connsiteY20" fmla="*/ 961571 h 1034143"/>
                <a:gd name="connsiteX21" fmla="*/ 3387271 w 5805714"/>
                <a:gd name="connsiteY21" fmla="*/ 968828 h 1034143"/>
                <a:gd name="connsiteX22" fmla="*/ 3252107 w 5805714"/>
                <a:gd name="connsiteY22" fmla="*/ 922564 h 1034143"/>
                <a:gd name="connsiteX23" fmla="*/ 3164114 w 5805714"/>
                <a:gd name="connsiteY23" fmla="*/ 914400 h 1034143"/>
                <a:gd name="connsiteX24" fmla="*/ 3125107 w 5805714"/>
                <a:gd name="connsiteY24" fmla="*/ 960664 h 1034143"/>
                <a:gd name="connsiteX25" fmla="*/ 3045278 w 5805714"/>
                <a:gd name="connsiteY25" fmla="*/ 915307 h 1034143"/>
                <a:gd name="connsiteX26" fmla="*/ 2982686 w 5805714"/>
                <a:gd name="connsiteY26" fmla="*/ 946150 h 1034143"/>
                <a:gd name="connsiteX27" fmla="*/ 2830286 w 5805714"/>
                <a:gd name="connsiteY27" fmla="*/ 943428 h 1034143"/>
                <a:gd name="connsiteX28" fmla="*/ 2801257 w 5805714"/>
                <a:gd name="connsiteY28" fmla="*/ 1001485 h 1034143"/>
                <a:gd name="connsiteX29" fmla="*/ 2699657 w 5805714"/>
                <a:gd name="connsiteY29" fmla="*/ 1001485 h 1034143"/>
                <a:gd name="connsiteX30" fmla="*/ 2625271 w 5805714"/>
                <a:gd name="connsiteY30" fmla="*/ 975178 h 1034143"/>
                <a:gd name="connsiteX31" fmla="*/ 2554514 w 5805714"/>
                <a:gd name="connsiteY31" fmla="*/ 943428 h 1034143"/>
                <a:gd name="connsiteX32" fmla="*/ 2509157 w 5805714"/>
                <a:gd name="connsiteY32" fmla="*/ 986064 h 1034143"/>
                <a:gd name="connsiteX33" fmla="*/ 2393043 w 5805714"/>
                <a:gd name="connsiteY33" fmla="*/ 983343 h 1034143"/>
                <a:gd name="connsiteX34" fmla="*/ 2305050 w 5805714"/>
                <a:gd name="connsiteY34" fmla="*/ 1023257 h 1034143"/>
                <a:gd name="connsiteX35" fmla="*/ 2169886 w 5805714"/>
                <a:gd name="connsiteY35" fmla="*/ 982435 h 1034143"/>
                <a:gd name="connsiteX36" fmla="*/ 2012043 w 5805714"/>
                <a:gd name="connsiteY36" fmla="*/ 997857 h 1034143"/>
                <a:gd name="connsiteX37" fmla="*/ 1894114 w 5805714"/>
                <a:gd name="connsiteY37" fmla="*/ 941614 h 1034143"/>
                <a:gd name="connsiteX38" fmla="*/ 1785257 w 5805714"/>
                <a:gd name="connsiteY38" fmla="*/ 992414 h 1034143"/>
                <a:gd name="connsiteX39" fmla="*/ 1654628 w 5805714"/>
                <a:gd name="connsiteY39" fmla="*/ 986971 h 1034143"/>
                <a:gd name="connsiteX40" fmla="*/ 1520371 w 5805714"/>
                <a:gd name="connsiteY40" fmla="*/ 1034143 h 1034143"/>
                <a:gd name="connsiteX41" fmla="*/ 1348921 w 5805714"/>
                <a:gd name="connsiteY41" fmla="*/ 960664 h 1034143"/>
                <a:gd name="connsiteX42" fmla="*/ 1230086 w 5805714"/>
                <a:gd name="connsiteY42" fmla="*/ 986971 h 1034143"/>
                <a:gd name="connsiteX43" fmla="*/ 1127578 w 5805714"/>
                <a:gd name="connsiteY43" fmla="*/ 954314 h 1034143"/>
                <a:gd name="connsiteX44" fmla="*/ 1030514 w 5805714"/>
                <a:gd name="connsiteY44" fmla="*/ 1016000 h 1034143"/>
                <a:gd name="connsiteX45" fmla="*/ 928914 w 5805714"/>
                <a:gd name="connsiteY45" fmla="*/ 1016000 h 1034143"/>
                <a:gd name="connsiteX46" fmla="*/ 798286 w 5805714"/>
                <a:gd name="connsiteY46" fmla="*/ 943428 h 1034143"/>
                <a:gd name="connsiteX47" fmla="*/ 653143 w 5805714"/>
                <a:gd name="connsiteY47" fmla="*/ 928914 h 1034143"/>
                <a:gd name="connsiteX48" fmla="*/ 537028 w 5805714"/>
                <a:gd name="connsiteY48" fmla="*/ 957943 h 1034143"/>
                <a:gd name="connsiteX49" fmla="*/ 493486 w 5805714"/>
                <a:gd name="connsiteY49" fmla="*/ 1001485 h 1034143"/>
                <a:gd name="connsiteX50" fmla="*/ 383721 w 5805714"/>
                <a:gd name="connsiteY50" fmla="*/ 962478 h 1034143"/>
                <a:gd name="connsiteX51" fmla="*/ 319314 w 5805714"/>
                <a:gd name="connsiteY51" fmla="*/ 928914 h 1034143"/>
                <a:gd name="connsiteX52" fmla="*/ 224064 w 5805714"/>
                <a:gd name="connsiteY52" fmla="*/ 947964 h 1034143"/>
                <a:gd name="connsiteX53" fmla="*/ 0 w 5805714"/>
                <a:gd name="connsiteY53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47128 w 5805714"/>
                <a:gd name="connsiteY6" fmla="*/ 906235 h 1034143"/>
                <a:gd name="connsiteX7" fmla="*/ 4992007 w 5805714"/>
                <a:gd name="connsiteY7" fmla="*/ 954314 h 1034143"/>
                <a:gd name="connsiteX8" fmla="*/ 5007428 w 5805714"/>
                <a:gd name="connsiteY8" fmla="*/ 957943 h 1034143"/>
                <a:gd name="connsiteX9" fmla="*/ 4841421 w 5805714"/>
                <a:gd name="connsiteY9" fmla="*/ 921657 h 1034143"/>
                <a:gd name="connsiteX10" fmla="*/ 4779736 w 5805714"/>
                <a:gd name="connsiteY10" fmla="*/ 994228 h 1034143"/>
                <a:gd name="connsiteX11" fmla="*/ 4644571 w 5805714"/>
                <a:gd name="connsiteY11" fmla="*/ 943428 h 1034143"/>
                <a:gd name="connsiteX12" fmla="*/ 4524828 w 5805714"/>
                <a:gd name="connsiteY12" fmla="*/ 913493 h 1034143"/>
                <a:gd name="connsiteX13" fmla="*/ 4405993 w 5805714"/>
                <a:gd name="connsiteY13" fmla="*/ 946150 h 1034143"/>
                <a:gd name="connsiteX14" fmla="*/ 4278086 w 5805714"/>
                <a:gd name="connsiteY14" fmla="*/ 998764 h 1034143"/>
                <a:gd name="connsiteX15" fmla="*/ 4125686 w 5805714"/>
                <a:gd name="connsiteY15" fmla="*/ 913493 h 1034143"/>
                <a:gd name="connsiteX16" fmla="*/ 4054021 w 5805714"/>
                <a:gd name="connsiteY16" fmla="*/ 993321 h 1034143"/>
                <a:gd name="connsiteX17" fmla="*/ 3889828 w 5805714"/>
                <a:gd name="connsiteY17" fmla="*/ 914400 h 1034143"/>
                <a:gd name="connsiteX18" fmla="*/ 3788228 w 5805714"/>
                <a:gd name="connsiteY18" fmla="*/ 957943 h 1034143"/>
                <a:gd name="connsiteX19" fmla="*/ 3605893 w 5805714"/>
                <a:gd name="connsiteY19" fmla="*/ 910771 h 1034143"/>
                <a:gd name="connsiteX20" fmla="*/ 3521528 w 5805714"/>
                <a:gd name="connsiteY20" fmla="*/ 961571 h 1034143"/>
                <a:gd name="connsiteX21" fmla="*/ 3387271 w 5805714"/>
                <a:gd name="connsiteY21" fmla="*/ 968828 h 1034143"/>
                <a:gd name="connsiteX22" fmla="*/ 3252107 w 5805714"/>
                <a:gd name="connsiteY22" fmla="*/ 922564 h 1034143"/>
                <a:gd name="connsiteX23" fmla="*/ 3164114 w 5805714"/>
                <a:gd name="connsiteY23" fmla="*/ 914400 h 1034143"/>
                <a:gd name="connsiteX24" fmla="*/ 3125107 w 5805714"/>
                <a:gd name="connsiteY24" fmla="*/ 960664 h 1034143"/>
                <a:gd name="connsiteX25" fmla="*/ 3045278 w 5805714"/>
                <a:gd name="connsiteY25" fmla="*/ 915307 h 1034143"/>
                <a:gd name="connsiteX26" fmla="*/ 2982686 w 5805714"/>
                <a:gd name="connsiteY26" fmla="*/ 946150 h 1034143"/>
                <a:gd name="connsiteX27" fmla="*/ 2830286 w 5805714"/>
                <a:gd name="connsiteY27" fmla="*/ 943428 h 1034143"/>
                <a:gd name="connsiteX28" fmla="*/ 2801257 w 5805714"/>
                <a:gd name="connsiteY28" fmla="*/ 1001485 h 1034143"/>
                <a:gd name="connsiteX29" fmla="*/ 2699657 w 5805714"/>
                <a:gd name="connsiteY29" fmla="*/ 1001485 h 1034143"/>
                <a:gd name="connsiteX30" fmla="*/ 2625271 w 5805714"/>
                <a:gd name="connsiteY30" fmla="*/ 975178 h 1034143"/>
                <a:gd name="connsiteX31" fmla="*/ 2554514 w 5805714"/>
                <a:gd name="connsiteY31" fmla="*/ 943428 h 1034143"/>
                <a:gd name="connsiteX32" fmla="*/ 2509157 w 5805714"/>
                <a:gd name="connsiteY32" fmla="*/ 986064 h 1034143"/>
                <a:gd name="connsiteX33" fmla="*/ 2393043 w 5805714"/>
                <a:gd name="connsiteY33" fmla="*/ 983343 h 1034143"/>
                <a:gd name="connsiteX34" fmla="*/ 2305050 w 5805714"/>
                <a:gd name="connsiteY34" fmla="*/ 1023257 h 1034143"/>
                <a:gd name="connsiteX35" fmla="*/ 2169886 w 5805714"/>
                <a:gd name="connsiteY35" fmla="*/ 982435 h 1034143"/>
                <a:gd name="connsiteX36" fmla="*/ 2012043 w 5805714"/>
                <a:gd name="connsiteY36" fmla="*/ 997857 h 1034143"/>
                <a:gd name="connsiteX37" fmla="*/ 1894114 w 5805714"/>
                <a:gd name="connsiteY37" fmla="*/ 941614 h 1034143"/>
                <a:gd name="connsiteX38" fmla="*/ 1785257 w 5805714"/>
                <a:gd name="connsiteY38" fmla="*/ 992414 h 1034143"/>
                <a:gd name="connsiteX39" fmla="*/ 1654628 w 5805714"/>
                <a:gd name="connsiteY39" fmla="*/ 986971 h 1034143"/>
                <a:gd name="connsiteX40" fmla="*/ 1520371 w 5805714"/>
                <a:gd name="connsiteY40" fmla="*/ 1034143 h 1034143"/>
                <a:gd name="connsiteX41" fmla="*/ 1348921 w 5805714"/>
                <a:gd name="connsiteY41" fmla="*/ 960664 h 1034143"/>
                <a:gd name="connsiteX42" fmla="*/ 1230086 w 5805714"/>
                <a:gd name="connsiteY42" fmla="*/ 986971 h 1034143"/>
                <a:gd name="connsiteX43" fmla="*/ 1127578 w 5805714"/>
                <a:gd name="connsiteY43" fmla="*/ 954314 h 1034143"/>
                <a:gd name="connsiteX44" fmla="*/ 1030514 w 5805714"/>
                <a:gd name="connsiteY44" fmla="*/ 1016000 h 1034143"/>
                <a:gd name="connsiteX45" fmla="*/ 928914 w 5805714"/>
                <a:gd name="connsiteY45" fmla="*/ 1016000 h 1034143"/>
                <a:gd name="connsiteX46" fmla="*/ 798286 w 5805714"/>
                <a:gd name="connsiteY46" fmla="*/ 943428 h 1034143"/>
                <a:gd name="connsiteX47" fmla="*/ 653143 w 5805714"/>
                <a:gd name="connsiteY47" fmla="*/ 928914 h 1034143"/>
                <a:gd name="connsiteX48" fmla="*/ 537028 w 5805714"/>
                <a:gd name="connsiteY48" fmla="*/ 957943 h 1034143"/>
                <a:gd name="connsiteX49" fmla="*/ 493486 w 5805714"/>
                <a:gd name="connsiteY49" fmla="*/ 1001485 h 1034143"/>
                <a:gd name="connsiteX50" fmla="*/ 383721 w 5805714"/>
                <a:gd name="connsiteY50" fmla="*/ 962478 h 1034143"/>
                <a:gd name="connsiteX51" fmla="*/ 319314 w 5805714"/>
                <a:gd name="connsiteY51" fmla="*/ 928914 h 1034143"/>
                <a:gd name="connsiteX52" fmla="*/ 224064 w 5805714"/>
                <a:gd name="connsiteY52" fmla="*/ 947964 h 1034143"/>
                <a:gd name="connsiteX53" fmla="*/ 0 w 5805714"/>
                <a:gd name="connsiteY53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24021 w 5805714"/>
                <a:gd name="connsiteY5" fmla="*/ 965200 h 1034143"/>
                <a:gd name="connsiteX6" fmla="*/ 5147128 w 5805714"/>
                <a:gd name="connsiteY6" fmla="*/ 906235 h 1034143"/>
                <a:gd name="connsiteX7" fmla="*/ 4992007 w 5805714"/>
                <a:gd name="connsiteY7" fmla="*/ 954314 h 1034143"/>
                <a:gd name="connsiteX8" fmla="*/ 5007428 w 5805714"/>
                <a:gd name="connsiteY8" fmla="*/ 957943 h 1034143"/>
                <a:gd name="connsiteX9" fmla="*/ 4841421 w 5805714"/>
                <a:gd name="connsiteY9" fmla="*/ 921657 h 1034143"/>
                <a:gd name="connsiteX10" fmla="*/ 4779736 w 5805714"/>
                <a:gd name="connsiteY10" fmla="*/ 994228 h 1034143"/>
                <a:gd name="connsiteX11" fmla="*/ 4644571 w 5805714"/>
                <a:gd name="connsiteY11" fmla="*/ 943428 h 1034143"/>
                <a:gd name="connsiteX12" fmla="*/ 4524828 w 5805714"/>
                <a:gd name="connsiteY12" fmla="*/ 913493 h 1034143"/>
                <a:gd name="connsiteX13" fmla="*/ 4405993 w 5805714"/>
                <a:gd name="connsiteY13" fmla="*/ 946150 h 1034143"/>
                <a:gd name="connsiteX14" fmla="*/ 4278086 w 5805714"/>
                <a:gd name="connsiteY14" fmla="*/ 998764 h 1034143"/>
                <a:gd name="connsiteX15" fmla="*/ 4125686 w 5805714"/>
                <a:gd name="connsiteY15" fmla="*/ 913493 h 1034143"/>
                <a:gd name="connsiteX16" fmla="*/ 4054021 w 5805714"/>
                <a:gd name="connsiteY16" fmla="*/ 993321 h 1034143"/>
                <a:gd name="connsiteX17" fmla="*/ 3889828 w 5805714"/>
                <a:gd name="connsiteY17" fmla="*/ 914400 h 1034143"/>
                <a:gd name="connsiteX18" fmla="*/ 3788228 w 5805714"/>
                <a:gd name="connsiteY18" fmla="*/ 957943 h 1034143"/>
                <a:gd name="connsiteX19" fmla="*/ 3605893 w 5805714"/>
                <a:gd name="connsiteY19" fmla="*/ 910771 h 1034143"/>
                <a:gd name="connsiteX20" fmla="*/ 3521528 w 5805714"/>
                <a:gd name="connsiteY20" fmla="*/ 961571 h 1034143"/>
                <a:gd name="connsiteX21" fmla="*/ 3387271 w 5805714"/>
                <a:gd name="connsiteY21" fmla="*/ 968828 h 1034143"/>
                <a:gd name="connsiteX22" fmla="*/ 3252107 w 5805714"/>
                <a:gd name="connsiteY22" fmla="*/ 922564 h 1034143"/>
                <a:gd name="connsiteX23" fmla="*/ 3164114 w 5805714"/>
                <a:gd name="connsiteY23" fmla="*/ 914400 h 1034143"/>
                <a:gd name="connsiteX24" fmla="*/ 3125107 w 5805714"/>
                <a:gd name="connsiteY24" fmla="*/ 960664 h 1034143"/>
                <a:gd name="connsiteX25" fmla="*/ 3045278 w 5805714"/>
                <a:gd name="connsiteY25" fmla="*/ 915307 h 1034143"/>
                <a:gd name="connsiteX26" fmla="*/ 2982686 w 5805714"/>
                <a:gd name="connsiteY26" fmla="*/ 946150 h 1034143"/>
                <a:gd name="connsiteX27" fmla="*/ 2830286 w 5805714"/>
                <a:gd name="connsiteY27" fmla="*/ 943428 h 1034143"/>
                <a:gd name="connsiteX28" fmla="*/ 2801257 w 5805714"/>
                <a:gd name="connsiteY28" fmla="*/ 1001485 h 1034143"/>
                <a:gd name="connsiteX29" fmla="*/ 2699657 w 5805714"/>
                <a:gd name="connsiteY29" fmla="*/ 1001485 h 1034143"/>
                <a:gd name="connsiteX30" fmla="*/ 2625271 w 5805714"/>
                <a:gd name="connsiteY30" fmla="*/ 975178 h 1034143"/>
                <a:gd name="connsiteX31" fmla="*/ 2554514 w 5805714"/>
                <a:gd name="connsiteY31" fmla="*/ 943428 h 1034143"/>
                <a:gd name="connsiteX32" fmla="*/ 2509157 w 5805714"/>
                <a:gd name="connsiteY32" fmla="*/ 986064 h 1034143"/>
                <a:gd name="connsiteX33" fmla="*/ 2393043 w 5805714"/>
                <a:gd name="connsiteY33" fmla="*/ 983343 h 1034143"/>
                <a:gd name="connsiteX34" fmla="*/ 2305050 w 5805714"/>
                <a:gd name="connsiteY34" fmla="*/ 1023257 h 1034143"/>
                <a:gd name="connsiteX35" fmla="*/ 2169886 w 5805714"/>
                <a:gd name="connsiteY35" fmla="*/ 982435 h 1034143"/>
                <a:gd name="connsiteX36" fmla="*/ 2012043 w 5805714"/>
                <a:gd name="connsiteY36" fmla="*/ 997857 h 1034143"/>
                <a:gd name="connsiteX37" fmla="*/ 1894114 w 5805714"/>
                <a:gd name="connsiteY37" fmla="*/ 941614 h 1034143"/>
                <a:gd name="connsiteX38" fmla="*/ 1785257 w 5805714"/>
                <a:gd name="connsiteY38" fmla="*/ 992414 h 1034143"/>
                <a:gd name="connsiteX39" fmla="*/ 1654628 w 5805714"/>
                <a:gd name="connsiteY39" fmla="*/ 986971 h 1034143"/>
                <a:gd name="connsiteX40" fmla="*/ 1520371 w 5805714"/>
                <a:gd name="connsiteY40" fmla="*/ 1034143 h 1034143"/>
                <a:gd name="connsiteX41" fmla="*/ 1348921 w 5805714"/>
                <a:gd name="connsiteY41" fmla="*/ 960664 h 1034143"/>
                <a:gd name="connsiteX42" fmla="*/ 1230086 w 5805714"/>
                <a:gd name="connsiteY42" fmla="*/ 986971 h 1034143"/>
                <a:gd name="connsiteX43" fmla="*/ 1127578 w 5805714"/>
                <a:gd name="connsiteY43" fmla="*/ 954314 h 1034143"/>
                <a:gd name="connsiteX44" fmla="*/ 1030514 w 5805714"/>
                <a:gd name="connsiteY44" fmla="*/ 1016000 h 1034143"/>
                <a:gd name="connsiteX45" fmla="*/ 928914 w 5805714"/>
                <a:gd name="connsiteY45" fmla="*/ 1016000 h 1034143"/>
                <a:gd name="connsiteX46" fmla="*/ 798286 w 5805714"/>
                <a:gd name="connsiteY46" fmla="*/ 943428 h 1034143"/>
                <a:gd name="connsiteX47" fmla="*/ 653143 w 5805714"/>
                <a:gd name="connsiteY47" fmla="*/ 928914 h 1034143"/>
                <a:gd name="connsiteX48" fmla="*/ 537028 w 5805714"/>
                <a:gd name="connsiteY48" fmla="*/ 957943 h 1034143"/>
                <a:gd name="connsiteX49" fmla="*/ 493486 w 5805714"/>
                <a:gd name="connsiteY49" fmla="*/ 1001485 h 1034143"/>
                <a:gd name="connsiteX50" fmla="*/ 383721 w 5805714"/>
                <a:gd name="connsiteY50" fmla="*/ 962478 h 1034143"/>
                <a:gd name="connsiteX51" fmla="*/ 319314 w 5805714"/>
                <a:gd name="connsiteY51" fmla="*/ 928914 h 1034143"/>
                <a:gd name="connsiteX52" fmla="*/ 224064 w 5805714"/>
                <a:gd name="connsiteY52" fmla="*/ 947964 h 1034143"/>
                <a:gd name="connsiteX53" fmla="*/ 0 w 5805714"/>
                <a:gd name="connsiteY53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493657 w 5805714"/>
                <a:gd name="connsiteY4" fmla="*/ 929821 h 1034143"/>
                <a:gd name="connsiteX5" fmla="*/ 5324021 w 5805714"/>
                <a:gd name="connsiteY5" fmla="*/ 965200 h 1034143"/>
                <a:gd name="connsiteX6" fmla="*/ 5147128 w 5805714"/>
                <a:gd name="connsiteY6" fmla="*/ 906235 h 1034143"/>
                <a:gd name="connsiteX7" fmla="*/ 4992007 w 5805714"/>
                <a:gd name="connsiteY7" fmla="*/ 954314 h 1034143"/>
                <a:gd name="connsiteX8" fmla="*/ 5007428 w 5805714"/>
                <a:gd name="connsiteY8" fmla="*/ 957943 h 1034143"/>
                <a:gd name="connsiteX9" fmla="*/ 4841421 w 5805714"/>
                <a:gd name="connsiteY9" fmla="*/ 921657 h 1034143"/>
                <a:gd name="connsiteX10" fmla="*/ 4779736 w 5805714"/>
                <a:gd name="connsiteY10" fmla="*/ 994228 h 1034143"/>
                <a:gd name="connsiteX11" fmla="*/ 4644571 w 5805714"/>
                <a:gd name="connsiteY11" fmla="*/ 943428 h 1034143"/>
                <a:gd name="connsiteX12" fmla="*/ 4524828 w 5805714"/>
                <a:gd name="connsiteY12" fmla="*/ 913493 h 1034143"/>
                <a:gd name="connsiteX13" fmla="*/ 4405993 w 5805714"/>
                <a:gd name="connsiteY13" fmla="*/ 946150 h 1034143"/>
                <a:gd name="connsiteX14" fmla="*/ 4278086 w 5805714"/>
                <a:gd name="connsiteY14" fmla="*/ 998764 h 1034143"/>
                <a:gd name="connsiteX15" fmla="*/ 4125686 w 5805714"/>
                <a:gd name="connsiteY15" fmla="*/ 913493 h 1034143"/>
                <a:gd name="connsiteX16" fmla="*/ 4054021 w 5805714"/>
                <a:gd name="connsiteY16" fmla="*/ 993321 h 1034143"/>
                <a:gd name="connsiteX17" fmla="*/ 3889828 w 5805714"/>
                <a:gd name="connsiteY17" fmla="*/ 914400 h 1034143"/>
                <a:gd name="connsiteX18" fmla="*/ 3788228 w 5805714"/>
                <a:gd name="connsiteY18" fmla="*/ 957943 h 1034143"/>
                <a:gd name="connsiteX19" fmla="*/ 3605893 w 5805714"/>
                <a:gd name="connsiteY19" fmla="*/ 910771 h 1034143"/>
                <a:gd name="connsiteX20" fmla="*/ 3521528 w 5805714"/>
                <a:gd name="connsiteY20" fmla="*/ 961571 h 1034143"/>
                <a:gd name="connsiteX21" fmla="*/ 3387271 w 5805714"/>
                <a:gd name="connsiteY21" fmla="*/ 968828 h 1034143"/>
                <a:gd name="connsiteX22" fmla="*/ 3252107 w 5805714"/>
                <a:gd name="connsiteY22" fmla="*/ 922564 h 1034143"/>
                <a:gd name="connsiteX23" fmla="*/ 3164114 w 5805714"/>
                <a:gd name="connsiteY23" fmla="*/ 914400 h 1034143"/>
                <a:gd name="connsiteX24" fmla="*/ 3125107 w 5805714"/>
                <a:gd name="connsiteY24" fmla="*/ 960664 h 1034143"/>
                <a:gd name="connsiteX25" fmla="*/ 3045278 w 5805714"/>
                <a:gd name="connsiteY25" fmla="*/ 915307 h 1034143"/>
                <a:gd name="connsiteX26" fmla="*/ 2982686 w 5805714"/>
                <a:gd name="connsiteY26" fmla="*/ 946150 h 1034143"/>
                <a:gd name="connsiteX27" fmla="*/ 2830286 w 5805714"/>
                <a:gd name="connsiteY27" fmla="*/ 943428 h 1034143"/>
                <a:gd name="connsiteX28" fmla="*/ 2801257 w 5805714"/>
                <a:gd name="connsiteY28" fmla="*/ 1001485 h 1034143"/>
                <a:gd name="connsiteX29" fmla="*/ 2699657 w 5805714"/>
                <a:gd name="connsiteY29" fmla="*/ 1001485 h 1034143"/>
                <a:gd name="connsiteX30" fmla="*/ 2625271 w 5805714"/>
                <a:gd name="connsiteY30" fmla="*/ 975178 h 1034143"/>
                <a:gd name="connsiteX31" fmla="*/ 2554514 w 5805714"/>
                <a:gd name="connsiteY31" fmla="*/ 943428 h 1034143"/>
                <a:gd name="connsiteX32" fmla="*/ 2509157 w 5805714"/>
                <a:gd name="connsiteY32" fmla="*/ 986064 h 1034143"/>
                <a:gd name="connsiteX33" fmla="*/ 2393043 w 5805714"/>
                <a:gd name="connsiteY33" fmla="*/ 983343 h 1034143"/>
                <a:gd name="connsiteX34" fmla="*/ 2305050 w 5805714"/>
                <a:gd name="connsiteY34" fmla="*/ 1023257 h 1034143"/>
                <a:gd name="connsiteX35" fmla="*/ 2169886 w 5805714"/>
                <a:gd name="connsiteY35" fmla="*/ 982435 h 1034143"/>
                <a:gd name="connsiteX36" fmla="*/ 2012043 w 5805714"/>
                <a:gd name="connsiteY36" fmla="*/ 997857 h 1034143"/>
                <a:gd name="connsiteX37" fmla="*/ 1894114 w 5805714"/>
                <a:gd name="connsiteY37" fmla="*/ 941614 h 1034143"/>
                <a:gd name="connsiteX38" fmla="*/ 1785257 w 5805714"/>
                <a:gd name="connsiteY38" fmla="*/ 992414 h 1034143"/>
                <a:gd name="connsiteX39" fmla="*/ 1654628 w 5805714"/>
                <a:gd name="connsiteY39" fmla="*/ 986971 h 1034143"/>
                <a:gd name="connsiteX40" fmla="*/ 1520371 w 5805714"/>
                <a:gd name="connsiteY40" fmla="*/ 1034143 h 1034143"/>
                <a:gd name="connsiteX41" fmla="*/ 1348921 w 5805714"/>
                <a:gd name="connsiteY41" fmla="*/ 960664 h 1034143"/>
                <a:gd name="connsiteX42" fmla="*/ 1230086 w 5805714"/>
                <a:gd name="connsiteY42" fmla="*/ 986971 h 1034143"/>
                <a:gd name="connsiteX43" fmla="*/ 1127578 w 5805714"/>
                <a:gd name="connsiteY43" fmla="*/ 954314 h 1034143"/>
                <a:gd name="connsiteX44" fmla="*/ 1030514 w 5805714"/>
                <a:gd name="connsiteY44" fmla="*/ 1016000 h 1034143"/>
                <a:gd name="connsiteX45" fmla="*/ 928914 w 5805714"/>
                <a:gd name="connsiteY45" fmla="*/ 1016000 h 1034143"/>
                <a:gd name="connsiteX46" fmla="*/ 798286 w 5805714"/>
                <a:gd name="connsiteY46" fmla="*/ 943428 h 1034143"/>
                <a:gd name="connsiteX47" fmla="*/ 653143 w 5805714"/>
                <a:gd name="connsiteY47" fmla="*/ 928914 h 1034143"/>
                <a:gd name="connsiteX48" fmla="*/ 537028 w 5805714"/>
                <a:gd name="connsiteY48" fmla="*/ 957943 h 1034143"/>
                <a:gd name="connsiteX49" fmla="*/ 493486 w 5805714"/>
                <a:gd name="connsiteY49" fmla="*/ 1001485 h 1034143"/>
                <a:gd name="connsiteX50" fmla="*/ 383721 w 5805714"/>
                <a:gd name="connsiteY50" fmla="*/ 962478 h 1034143"/>
                <a:gd name="connsiteX51" fmla="*/ 319314 w 5805714"/>
                <a:gd name="connsiteY51" fmla="*/ 928914 h 1034143"/>
                <a:gd name="connsiteX52" fmla="*/ 224064 w 5805714"/>
                <a:gd name="connsiteY52" fmla="*/ 947964 h 1034143"/>
                <a:gd name="connsiteX53" fmla="*/ 0 w 5805714"/>
                <a:gd name="connsiteY53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39707 w 5805714"/>
                <a:gd name="connsiteY4" fmla="*/ 947964 h 1034143"/>
                <a:gd name="connsiteX5" fmla="*/ 5493657 w 5805714"/>
                <a:gd name="connsiteY5" fmla="*/ 929821 h 1034143"/>
                <a:gd name="connsiteX6" fmla="*/ 5324021 w 5805714"/>
                <a:gd name="connsiteY6" fmla="*/ 965200 h 1034143"/>
                <a:gd name="connsiteX7" fmla="*/ 5147128 w 5805714"/>
                <a:gd name="connsiteY7" fmla="*/ 906235 h 1034143"/>
                <a:gd name="connsiteX8" fmla="*/ 4992007 w 5805714"/>
                <a:gd name="connsiteY8" fmla="*/ 954314 h 1034143"/>
                <a:gd name="connsiteX9" fmla="*/ 5007428 w 5805714"/>
                <a:gd name="connsiteY9" fmla="*/ 957943 h 1034143"/>
                <a:gd name="connsiteX10" fmla="*/ 4841421 w 5805714"/>
                <a:gd name="connsiteY10" fmla="*/ 921657 h 1034143"/>
                <a:gd name="connsiteX11" fmla="*/ 4779736 w 5805714"/>
                <a:gd name="connsiteY11" fmla="*/ 994228 h 1034143"/>
                <a:gd name="connsiteX12" fmla="*/ 4644571 w 5805714"/>
                <a:gd name="connsiteY12" fmla="*/ 943428 h 1034143"/>
                <a:gd name="connsiteX13" fmla="*/ 4524828 w 5805714"/>
                <a:gd name="connsiteY13" fmla="*/ 913493 h 1034143"/>
                <a:gd name="connsiteX14" fmla="*/ 4405993 w 5805714"/>
                <a:gd name="connsiteY14" fmla="*/ 946150 h 1034143"/>
                <a:gd name="connsiteX15" fmla="*/ 4278086 w 5805714"/>
                <a:gd name="connsiteY15" fmla="*/ 998764 h 1034143"/>
                <a:gd name="connsiteX16" fmla="*/ 4125686 w 5805714"/>
                <a:gd name="connsiteY16" fmla="*/ 913493 h 1034143"/>
                <a:gd name="connsiteX17" fmla="*/ 4054021 w 5805714"/>
                <a:gd name="connsiteY17" fmla="*/ 993321 h 1034143"/>
                <a:gd name="connsiteX18" fmla="*/ 3889828 w 5805714"/>
                <a:gd name="connsiteY18" fmla="*/ 914400 h 1034143"/>
                <a:gd name="connsiteX19" fmla="*/ 3788228 w 5805714"/>
                <a:gd name="connsiteY19" fmla="*/ 957943 h 1034143"/>
                <a:gd name="connsiteX20" fmla="*/ 3605893 w 5805714"/>
                <a:gd name="connsiteY20" fmla="*/ 910771 h 1034143"/>
                <a:gd name="connsiteX21" fmla="*/ 3521528 w 5805714"/>
                <a:gd name="connsiteY21" fmla="*/ 961571 h 1034143"/>
                <a:gd name="connsiteX22" fmla="*/ 3387271 w 5805714"/>
                <a:gd name="connsiteY22" fmla="*/ 968828 h 1034143"/>
                <a:gd name="connsiteX23" fmla="*/ 3252107 w 5805714"/>
                <a:gd name="connsiteY23" fmla="*/ 922564 h 1034143"/>
                <a:gd name="connsiteX24" fmla="*/ 3164114 w 5805714"/>
                <a:gd name="connsiteY24" fmla="*/ 914400 h 1034143"/>
                <a:gd name="connsiteX25" fmla="*/ 3125107 w 5805714"/>
                <a:gd name="connsiteY25" fmla="*/ 960664 h 1034143"/>
                <a:gd name="connsiteX26" fmla="*/ 3045278 w 5805714"/>
                <a:gd name="connsiteY26" fmla="*/ 915307 h 1034143"/>
                <a:gd name="connsiteX27" fmla="*/ 2982686 w 5805714"/>
                <a:gd name="connsiteY27" fmla="*/ 946150 h 1034143"/>
                <a:gd name="connsiteX28" fmla="*/ 2830286 w 5805714"/>
                <a:gd name="connsiteY28" fmla="*/ 943428 h 1034143"/>
                <a:gd name="connsiteX29" fmla="*/ 2801257 w 5805714"/>
                <a:gd name="connsiteY29" fmla="*/ 1001485 h 1034143"/>
                <a:gd name="connsiteX30" fmla="*/ 2699657 w 5805714"/>
                <a:gd name="connsiteY30" fmla="*/ 1001485 h 1034143"/>
                <a:gd name="connsiteX31" fmla="*/ 2625271 w 5805714"/>
                <a:gd name="connsiteY31" fmla="*/ 975178 h 1034143"/>
                <a:gd name="connsiteX32" fmla="*/ 2554514 w 5805714"/>
                <a:gd name="connsiteY32" fmla="*/ 943428 h 1034143"/>
                <a:gd name="connsiteX33" fmla="*/ 2509157 w 5805714"/>
                <a:gd name="connsiteY33" fmla="*/ 986064 h 1034143"/>
                <a:gd name="connsiteX34" fmla="*/ 2393043 w 5805714"/>
                <a:gd name="connsiteY34" fmla="*/ 983343 h 1034143"/>
                <a:gd name="connsiteX35" fmla="*/ 2305050 w 5805714"/>
                <a:gd name="connsiteY35" fmla="*/ 1023257 h 1034143"/>
                <a:gd name="connsiteX36" fmla="*/ 2169886 w 5805714"/>
                <a:gd name="connsiteY36" fmla="*/ 982435 h 1034143"/>
                <a:gd name="connsiteX37" fmla="*/ 2012043 w 5805714"/>
                <a:gd name="connsiteY37" fmla="*/ 997857 h 1034143"/>
                <a:gd name="connsiteX38" fmla="*/ 1894114 w 5805714"/>
                <a:gd name="connsiteY38" fmla="*/ 941614 h 1034143"/>
                <a:gd name="connsiteX39" fmla="*/ 1785257 w 5805714"/>
                <a:gd name="connsiteY39" fmla="*/ 992414 h 1034143"/>
                <a:gd name="connsiteX40" fmla="*/ 1654628 w 5805714"/>
                <a:gd name="connsiteY40" fmla="*/ 986971 h 1034143"/>
                <a:gd name="connsiteX41" fmla="*/ 1520371 w 5805714"/>
                <a:gd name="connsiteY41" fmla="*/ 1034143 h 1034143"/>
                <a:gd name="connsiteX42" fmla="*/ 1348921 w 5805714"/>
                <a:gd name="connsiteY42" fmla="*/ 960664 h 1034143"/>
                <a:gd name="connsiteX43" fmla="*/ 1230086 w 5805714"/>
                <a:gd name="connsiteY43" fmla="*/ 986971 h 1034143"/>
                <a:gd name="connsiteX44" fmla="*/ 1127578 w 5805714"/>
                <a:gd name="connsiteY44" fmla="*/ 954314 h 1034143"/>
                <a:gd name="connsiteX45" fmla="*/ 1030514 w 5805714"/>
                <a:gd name="connsiteY45" fmla="*/ 1016000 h 1034143"/>
                <a:gd name="connsiteX46" fmla="*/ 928914 w 5805714"/>
                <a:gd name="connsiteY46" fmla="*/ 1016000 h 1034143"/>
                <a:gd name="connsiteX47" fmla="*/ 798286 w 5805714"/>
                <a:gd name="connsiteY47" fmla="*/ 943428 h 1034143"/>
                <a:gd name="connsiteX48" fmla="*/ 653143 w 5805714"/>
                <a:gd name="connsiteY48" fmla="*/ 928914 h 1034143"/>
                <a:gd name="connsiteX49" fmla="*/ 537028 w 5805714"/>
                <a:gd name="connsiteY49" fmla="*/ 957943 h 1034143"/>
                <a:gd name="connsiteX50" fmla="*/ 493486 w 5805714"/>
                <a:gd name="connsiteY50" fmla="*/ 1001485 h 1034143"/>
                <a:gd name="connsiteX51" fmla="*/ 383721 w 5805714"/>
                <a:gd name="connsiteY51" fmla="*/ 962478 h 1034143"/>
                <a:gd name="connsiteX52" fmla="*/ 319314 w 5805714"/>
                <a:gd name="connsiteY52" fmla="*/ 928914 h 1034143"/>
                <a:gd name="connsiteX53" fmla="*/ 224064 w 5805714"/>
                <a:gd name="connsiteY53" fmla="*/ 947964 h 1034143"/>
                <a:gd name="connsiteX54" fmla="*/ 0 w 5805714"/>
                <a:gd name="connsiteY54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76207 w 5805714"/>
                <a:gd name="connsiteY4" fmla="*/ 967014 h 1034143"/>
                <a:gd name="connsiteX5" fmla="*/ 5493657 w 5805714"/>
                <a:gd name="connsiteY5" fmla="*/ 929821 h 1034143"/>
                <a:gd name="connsiteX6" fmla="*/ 5324021 w 5805714"/>
                <a:gd name="connsiteY6" fmla="*/ 965200 h 1034143"/>
                <a:gd name="connsiteX7" fmla="*/ 5147128 w 5805714"/>
                <a:gd name="connsiteY7" fmla="*/ 906235 h 1034143"/>
                <a:gd name="connsiteX8" fmla="*/ 4992007 w 5805714"/>
                <a:gd name="connsiteY8" fmla="*/ 954314 h 1034143"/>
                <a:gd name="connsiteX9" fmla="*/ 5007428 w 5805714"/>
                <a:gd name="connsiteY9" fmla="*/ 957943 h 1034143"/>
                <a:gd name="connsiteX10" fmla="*/ 4841421 w 5805714"/>
                <a:gd name="connsiteY10" fmla="*/ 921657 h 1034143"/>
                <a:gd name="connsiteX11" fmla="*/ 4779736 w 5805714"/>
                <a:gd name="connsiteY11" fmla="*/ 994228 h 1034143"/>
                <a:gd name="connsiteX12" fmla="*/ 4644571 w 5805714"/>
                <a:gd name="connsiteY12" fmla="*/ 943428 h 1034143"/>
                <a:gd name="connsiteX13" fmla="*/ 4524828 w 5805714"/>
                <a:gd name="connsiteY13" fmla="*/ 913493 h 1034143"/>
                <a:gd name="connsiteX14" fmla="*/ 4405993 w 5805714"/>
                <a:gd name="connsiteY14" fmla="*/ 946150 h 1034143"/>
                <a:gd name="connsiteX15" fmla="*/ 4278086 w 5805714"/>
                <a:gd name="connsiteY15" fmla="*/ 998764 h 1034143"/>
                <a:gd name="connsiteX16" fmla="*/ 4125686 w 5805714"/>
                <a:gd name="connsiteY16" fmla="*/ 913493 h 1034143"/>
                <a:gd name="connsiteX17" fmla="*/ 4054021 w 5805714"/>
                <a:gd name="connsiteY17" fmla="*/ 993321 h 1034143"/>
                <a:gd name="connsiteX18" fmla="*/ 3889828 w 5805714"/>
                <a:gd name="connsiteY18" fmla="*/ 914400 h 1034143"/>
                <a:gd name="connsiteX19" fmla="*/ 3788228 w 5805714"/>
                <a:gd name="connsiteY19" fmla="*/ 957943 h 1034143"/>
                <a:gd name="connsiteX20" fmla="*/ 3605893 w 5805714"/>
                <a:gd name="connsiteY20" fmla="*/ 910771 h 1034143"/>
                <a:gd name="connsiteX21" fmla="*/ 3521528 w 5805714"/>
                <a:gd name="connsiteY21" fmla="*/ 961571 h 1034143"/>
                <a:gd name="connsiteX22" fmla="*/ 3387271 w 5805714"/>
                <a:gd name="connsiteY22" fmla="*/ 968828 h 1034143"/>
                <a:gd name="connsiteX23" fmla="*/ 3252107 w 5805714"/>
                <a:gd name="connsiteY23" fmla="*/ 922564 h 1034143"/>
                <a:gd name="connsiteX24" fmla="*/ 3164114 w 5805714"/>
                <a:gd name="connsiteY24" fmla="*/ 914400 h 1034143"/>
                <a:gd name="connsiteX25" fmla="*/ 3125107 w 5805714"/>
                <a:gd name="connsiteY25" fmla="*/ 960664 h 1034143"/>
                <a:gd name="connsiteX26" fmla="*/ 3045278 w 5805714"/>
                <a:gd name="connsiteY26" fmla="*/ 915307 h 1034143"/>
                <a:gd name="connsiteX27" fmla="*/ 2982686 w 5805714"/>
                <a:gd name="connsiteY27" fmla="*/ 946150 h 1034143"/>
                <a:gd name="connsiteX28" fmla="*/ 2830286 w 5805714"/>
                <a:gd name="connsiteY28" fmla="*/ 943428 h 1034143"/>
                <a:gd name="connsiteX29" fmla="*/ 2801257 w 5805714"/>
                <a:gd name="connsiteY29" fmla="*/ 1001485 h 1034143"/>
                <a:gd name="connsiteX30" fmla="*/ 2699657 w 5805714"/>
                <a:gd name="connsiteY30" fmla="*/ 1001485 h 1034143"/>
                <a:gd name="connsiteX31" fmla="*/ 2625271 w 5805714"/>
                <a:gd name="connsiteY31" fmla="*/ 975178 h 1034143"/>
                <a:gd name="connsiteX32" fmla="*/ 2554514 w 5805714"/>
                <a:gd name="connsiteY32" fmla="*/ 943428 h 1034143"/>
                <a:gd name="connsiteX33" fmla="*/ 2509157 w 5805714"/>
                <a:gd name="connsiteY33" fmla="*/ 986064 h 1034143"/>
                <a:gd name="connsiteX34" fmla="*/ 2393043 w 5805714"/>
                <a:gd name="connsiteY34" fmla="*/ 983343 h 1034143"/>
                <a:gd name="connsiteX35" fmla="*/ 2305050 w 5805714"/>
                <a:gd name="connsiteY35" fmla="*/ 1023257 h 1034143"/>
                <a:gd name="connsiteX36" fmla="*/ 2169886 w 5805714"/>
                <a:gd name="connsiteY36" fmla="*/ 982435 h 1034143"/>
                <a:gd name="connsiteX37" fmla="*/ 2012043 w 5805714"/>
                <a:gd name="connsiteY37" fmla="*/ 997857 h 1034143"/>
                <a:gd name="connsiteX38" fmla="*/ 1894114 w 5805714"/>
                <a:gd name="connsiteY38" fmla="*/ 941614 h 1034143"/>
                <a:gd name="connsiteX39" fmla="*/ 1785257 w 5805714"/>
                <a:gd name="connsiteY39" fmla="*/ 992414 h 1034143"/>
                <a:gd name="connsiteX40" fmla="*/ 1654628 w 5805714"/>
                <a:gd name="connsiteY40" fmla="*/ 986971 h 1034143"/>
                <a:gd name="connsiteX41" fmla="*/ 1520371 w 5805714"/>
                <a:gd name="connsiteY41" fmla="*/ 1034143 h 1034143"/>
                <a:gd name="connsiteX42" fmla="*/ 1348921 w 5805714"/>
                <a:gd name="connsiteY42" fmla="*/ 960664 h 1034143"/>
                <a:gd name="connsiteX43" fmla="*/ 1230086 w 5805714"/>
                <a:gd name="connsiteY43" fmla="*/ 986971 h 1034143"/>
                <a:gd name="connsiteX44" fmla="*/ 1127578 w 5805714"/>
                <a:gd name="connsiteY44" fmla="*/ 954314 h 1034143"/>
                <a:gd name="connsiteX45" fmla="*/ 1030514 w 5805714"/>
                <a:gd name="connsiteY45" fmla="*/ 1016000 h 1034143"/>
                <a:gd name="connsiteX46" fmla="*/ 928914 w 5805714"/>
                <a:gd name="connsiteY46" fmla="*/ 1016000 h 1034143"/>
                <a:gd name="connsiteX47" fmla="*/ 798286 w 5805714"/>
                <a:gd name="connsiteY47" fmla="*/ 943428 h 1034143"/>
                <a:gd name="connsiteX48" fmla="*/ 653143 w 5805714"/>
                <a:gd name="connsiteY48" fmla="*/ 928914 h 1034143"/>
                <a:gd name="connsiteX49" fmla="*/ 537028 w 5805714"/>
                <a:gd name="connsiteY49" fmla="*/ 957943 h 1034143"/>
                <a:gd name="connsiteX50" fmla="*/ 493486 w 5805714"/>
                <a:gd name="connsiteY50" fmla="*/ 1001485 h 1034143"/>
                <a:gd name="connsiteX51" fmla="*/ 383721 w 5805714"/>
                <a:gd name="connsiteY51" fmla="*/ 962478 h 1034143"/>
                <a:gd name="connsiteX52" fmla="*/ 319314 w 5805714"/>
                <a:gd name="connsiteY52" fmla="*/ 928914 h 1034143"/>
                <a:gd name="connsiteX53" fmla="*/ 224064 w 5805714"/>
                <a:gd name="connsiteY53" fmla="*/ 947964 h 1034143"/>
                <a:gd name="connsiteX54" fmla="*/ 0 w 5805714"/>
                <a:gd name="connsiteY54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77807 w 5805714"/>
                <a:gd name="connsiteY4" fmla="*/ 95431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83721 w 5805714"/>
                <a:gd name="connsiteY52" fmla="*/ 962478 h 1034143"/>
                <a:gd name="connsiteX53" fmla="*/ 319314 w 5805714"/>
                <a:gd name="connsiteY53" fmla="*/ 928914 h 1034143"/>
                <a:gd name="connsiteX54" fmla="*/ 224064 w 5805714"/>
                <a:gd name="connsiteY54" fmla="*/ 94796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83721 w 5805714"/>
                <a:gd name="connsiteY52" fmla="*/ 962478 h 1034143"/>
                <a:gd name="connsiteX53" fmla="*/ 319314 w 5805714"/>
                <a:gd name="connsiteY53" fmla="*/ 928914 h 1034143"/>
                <a:gd name="connsiteX54" fmla="*/ 224064 w 5805714"/>
                <a:gd name="connsiteY54" fmla="*/ 94796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83721 w 5805714"/>
                <a:gd name="connsiteY52" fmla="*/ 962478 h 1034143"/>
                <a:gd name="connsiteX53" fmla="*/ 319314 w 5805714"/>
                <a:gd name="connsiteY53" fmla="*/ 9289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83721 w 5805714"/>
                <a:gd name="connsiteY52" fmla="*/ 962478 h 1034143"/>
                <a:gd name="connsiteX53" fmla="*/ 262164 w 5805714"/>
                <a:gd name="connsiteY53" fmla="*/ 9416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416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78543 w 5805714"/>
                <a:gd name="connsiteY49" fmla="*/ 94796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78543 w 5805714"/>
                <a:gd name="connsiteY49" fmla="*/ 947964 h 1034143"/>
                <a:gd name="connsiteX50" fmla="*/ 594178 w 5805714"/>
                <a:gd name="connsiteY50" fmla="*/ 9960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60186 w 5805714"/>
                <a:gd name="connsiteY48" fmla="*/ 981528 h 1034143"/>
                <a:gd name="connsiteX49" fmla="*/ 678543 w 5805714"/>
                <a:gd name="connsiteY49" fmla="*/ 947964 h 1034143"/>
                <a:gd name="connsiteX50" fmla="*/ 594178 w 5805714"/>
                <a:gd name="connsiteY50" fmla="*/ 9960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03514 w 5805714"/>
                <a:gd name="connsiteY47" fmla="*/ 971550 h 1034143"/>
                <a:gd name="connsiteX48" fmla="*/ 760186 w 5805714"/>
                <a:gd name="connsiteY48" fmla="*/ 981528 h 1034143"/>
                <a:gd name="connsiteX49" fmla="*/ 678543 w 5805714"/>
                <a:gd name="connsiteY49" fmla="*/ 947964 h 1034143"/>
                <a:gd name="connsiteX50" fmla="*/ 594178 w 5805714"/>
                <a:gd name="connsiteY50" fmla="*/ 9960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5217"/>
                <a:gd name="connsiteX1" fmla="*/ 0 w 5805714"/>
                <a:gd name="connsiteY1" fmla="*/ 0 h 1035217"/>
                <a:gd name="connsiteX2" fmla="*/ 5805714 w 5805714"/>
                <a:gd name="connsiteY2" fmla="*/ 0 h 1035217"/>
                <a:gd name="connsiteX3" fmla="*/ 5805714 w 5805714"/>
                <a:gd name="connsiteY3" fmla="*/ 957943 h 1035217"/>
                <a:gd name="connsiteX4" fmla="*/ 5684157 w 5805714"/>
                <a:gd name="connsiteY4" fmla="*/ 935264 h 1035217"/>
                <a:gd name="connsiteX5" fmla="*/ 5576207 w 5805714"/>
                <a:gd name="connsiteY5" fmla="*/ 967014 h 1035217"/>
                <a:gd name="connsiteX6" fmla="*/ 5493657 w 5805714"/>
                <a:gd name="connsiteY6" fmla="*/ 929821 h 1035217"/>
                <a:gd name="connsiteX7" fmla="*/ 5324021 w 5805714"/>
                <a:gd name="connsiteY7" fmla="*/ 965200 h 1035217"/>
                <a:gd name="connsiteX8" fmla="*/ 5147128 w 5805714"/>
                <a:gd name="connsiteY8" fmla="*/ 906235 h 1035217"/>
                <a:gd name="connsiteX9" fmla="*/ 4992007 w 5805714"/>
                <a:gd name="connsiteY9" fmla="*/ 954314 h 1035217"/>
                <a:gd name="connsiteX10" fmla="*/ 5007428 w 5805714"/>
                <a:gd name="connsiteY10" fmla="*/ 957943 h 1035217"/>
                <a:gd name="connsiteX11" fmla="*/ 4841421 w 5805714"/>
                <a:gd name="connsiteY11" fmla="*/ 921657 h 1035217"/>
                <a:gd name="connsiteX12" fmla="*/ 4779736 w 5805714"/>
                <a:gd name="connsiteY12" fmla="*/ 994228 h 1035217"/>
                <a:gd name="connsiteX13" fmla="*/ 4644571 w 5805714"/>
                <a:gd name="connsiteY13" fmla="*/ 943428 h 1035217"/>
                <a:gd name="connsiteX14" fmla="*/ 4524828 w 5805714"/>
                <a:gd name="connsiteY14" fmla="*/ 913493 h 1035217"/>
                <a:gd name="connsiteX15" fmla="*/ 4405993 w 5805714"/>
                <a:gd name="connsiteY15" fmla="*/ 946150 h 1035217"/>
                <a:gd name="connsiteX16" fmla="*/ 4278086 w 5805714"/>
                <a:gd name="connsiteY16" fmla="*/ 998764 h 1035217"/>
                <a:gd name="connsiteX17" fmla="*/ 4125686 w 5805714"/>
                <a:gd name="connsiteY17" fmla="*/ 913493 h 1035217"/>
                <a:gd name="connsiteX18" fmla="*/ 4054021 w 5805714"/>
                <a:gd name="connsiteY18" fmla="*/ 993321 h 1035217"/>
                <a:gd name="connsiteX19" fmla="*/ 3889828 w 5805714"/>
                <a:gd name="connsiteY19" fmla="*/ 914400 h 1035217"/>
                <a:gd name="connsiteX20" fmla="*/ 3788228 w 5805714"/>
                <a:gd name="connsiteY20" fmla="*/ 957943 h 1035217"/>
                <a:gd name="connsiteX21" fmla="*/ 3605893 w 5805714"/>
                <a:gd name="connsiteY21" fmla="*/ 910771 h 1035217"/>
                <a:gd name="connsiteX22" fmla="*/ 3521528 w 5805714"/>
                <a:gd name="connsiteY22" fmla="*/ 961571 h 1035217"/>
                <a:gd name="connsiteX23" fmla="*/ 3387271 w 5805714"/>
                <a:gd name="connsiteY23" fmla="*/ 968828 h 1035217"/>
                <a:gd name="connsiteX24" fmla="*/ 3252107 w 5805714"/>
                <a:gd name="connsiteY24" fmla="*/ 922564 h 1035217"/>
                <a:gd name="connsiteX25" fmla="*/ 3164114 w 5805714"/>
                <a:gd name="connsiteY25" fmla="*/ 914400 h 1035217"/>
                <a:gd name="connsiteX26" fmla="*/ 3125107 w 5805714"/>
                <a:gd name="connsiteY26" fmla="*/ 960664 h 1035217"/>
                <a:gd name="connsiteX27" fmla="*/ 3045278 w 5805714"/>
                <a:gd name="connsiteY27" fmla="*/ 915307 h 1035217"/>
                <a:gd name="connsiteX28" fmla="*/ 2982686 w 5805714"/>
                <a:gd name="connsiteY28" fmla="*/ 1035050 h 1035217"/>
                <a:gd name="connsiteX29" fmla="*/ 2830286 w 5805714"/>
                <a:gd name="connsiteY29" fmla="*/ 943428 h 1035217"/>
                <a:gd name="connsiteX30" fmla="*/ 2801257 w 5805714"/>
                <a:gd name="connsiteY30" fmla="*/ 1001485 h 1035217"/>
                <a:gd name="connsiteX31" fmla="*/ 2699657 w 5805714"/>
                <a:gd name="connsiteY31" fmla="*/ 1001485 h 1035217"/>
                <a:gd name="connsiteX32" fmla="*/ 2625271 w 5805714"/>
                <a:gd name="connsiteY32" fmla="*/ 975178 h 1035217"/>
                <a:gd name="connsiteX33" fmla="*/ 2554514 w 5805714"/>
                <a:gd name="connsiteY33" fmla="*/ 943428 h 1035217"/>
                <a:gd name="connsiteX34" fmla="*/ 2509157 w 5805714"/>
                <a:gd name="connsiteY34" fmla="*/ 986064 h 1035217"/>
                <a:gd name="connsiteX35" fmla="*/ 2393043 w 5805714"/>
                <a:gd name="connsiteY35" fmla="*/ 983343 h 1035217"/>
                <a:gd name="connsiteX36" fmla="*/ 2305050 w 5805714"/>
                <a:gd name="connsiteY36" fmla="*/ 1023257 h 1035217"/>
                <a:gd name="connsiteX37" fmla="*/ 2169886 w 5805714"/>
                <a:gd name="connsiteY37" fmla="*/ 982435 h 1035217"/>
                <a:gd name="connsiteX38" fmla="*/ 2012043 w 5805714"/>
                <a:gd name="connsiteY38" fmla="*/ 997857 h 1035217"/>
                <a:gd name="connsiteX39" fmla="*/ 1894114 w 5805714"/>
                <a:gd name="connsiteY39" fmla="*/ 941614 h 1035217"/>
                <a:gd name="connsiteX40" fmla="*/ 1785257 w 5805714"/>
                <a:gd name="connsiteY40" fmla="*/ 992414 h 1035217"/>
                <a:gd name="connsiteX41" fmla="*/ 1654628 w 5805714"/>
                <a:gd name="connsiteY41" fmla="*/ 986971 h 1035217"/>
                <a:gd name="connsiteX42" fmla="*/ 1520371 w 5805714"/>
                <a:gd name="connsiteY42" fmla="*/ 1034143 h 1035217"/>
                <a:gd name="connsiteX43" fmla="*/ 1348921 w 5805714"/>
                <a:gd name="connsiteY43" fmla="*/ 960664 h 1035217"/>
                <a:gd name="connsiteX44" fmla="*/ 1230086 w 5805714"/>
                <a:gd name="connsiteY44" fmla="*/ 986971 h 1035217"/>
                <a:gd name="connsiteX45" fmla="*/ 1127578 w 5805714"/>
                <a:gd name="connsiteY45" fmla="*/ 954314 h 1035217"/>
                <a:gd name="connsiteX46" fmla="*/ 1030514 w 5805714"/>
                <a:gd name="connsiteY46" fmla="*/ 1016000 h 1035217"/>
                <a:gd name="connsiteX47" fmla="*/ 903514 w 5805714"/>
                <a:gd name="connsiteY47" fmla="*/ 971550 h 1035217"/>
                <a:gd name="connsiteX48" fmla="*/ 760186 w 5805714"/>
                <a:gd name="connsiteY48" fmla="*/ 981528 h 1035217"/>
                <a:gd name="connsiteX49" fmla="*/ 678543 w 5805714"/>
                <a:gd name="connsiteY49" fmla="*/ 947964 h 1035217"/>
                <a:gd name="connsiteX50" fmla="*/ 594178 w 5805714"/>
                <a:gd name="connsiteY50" fmla="*/ 996043 h 1035217"/>
                <a:gd name="connsiteX51" fmla="*/ 493486 w 5805714"/>
                <a:gd name="connsiteY51" fmla="*/ 1001485 h 1035217"/>
                <a:gd name="connsiteX52" fmla="*/ 390071 w 5805714"/>
                <a:gd name="connsiteY52" fmla="*/ 930728 h 1035217"/>
                <a:gd name="connsiteX53" fmla="*/ 262164 w 5805714"/>
                <a:gd name="connsiteY53" fmla="*/ 979714 h 1035217"/>
                <a:gd name="connsiteX54" fmla="*/ 103414 w 5805714"/>
                <a:gd name="connsiteY54" fmla="*/ 967014 h 1035217"/>
                <a:gd name="connsiteX55" fmla="*/ 0 w 5805714"/>
                <a:gd name="connsiteY55" fmla="*/ 1001485 h 1035217"/>
                <a:gd name="connsiteX0" fmla="*/ 0 w 5805714"/>
                <a:gd name="connsiteY0" fmla="*/ 1001485 h 1035077"/>
                <a:gd name="connsiteX1" fmla="*/ 0 w 5805714"/>
                <a:gd name="connsiteY1" fmla="*/ 0 h 1035077"/>
                <a:gd name="connsiteX2" fmla="*/ 5805714 w 5805714"/>
                <a:gd name="connsiteY2" fmla="*/ 0 h 1035077"/>
                <a:gd name="connsiteX3" fmla="*/ 5805714 w 5805714"/>
                <a:gd name="connsiteY3" fmla="*/ 957943 h 1035077"/>
                <a:gd name="connsiteX4" fmla="*/ 5684157 w 5805714"/>
                <a:gd name="connsiteY4" fmla="*/ 935264 h 1035077"/>
                <a:gd name="connsiteX5" fmla="*/ 5576207 w 5805714"/>
                <a:gd name="connsiteY5" fmla="*/ 967014 h 1035077"/>
                <a:gd name="connsiteX6" fmla="*/ 5493657 w 5805714"/>
                <a:gd name="connsiteY6" fmla="*/ 929821 h 1035077"/>
                <a:gd name="connsiteX7" fmla="*/ 5324021 w 5805714"/>
                <a:gd name="connsiteY7" fmla="*/ 965200 h 1035077"/>
                <a:gd name="connsiteX8" fmla="*/ 5147128 w 5805714"/>
                <a:gd name="connsiteY8" fmla="*/ 906235 h 1035077"/>
                <a:gd name="connsiteX9" fmla="*/ 4992007 w 5805714"/>
                <a:gd name="connsiteY9" fmla="*/ 954314 h 1035077"/>
                <a:gd name="connsiteX10" fmla="*/ 5007428 w 5805714"/>
                <a:gd name="connsiteY10" fmla="*/ 957943 h 1035077"/>
                <a:gd name="connsiteX11" fmla="*/ 4841421 w 5805714"/>
                <a:gd name="connsiteY11" fmla="*/ 921657 h 1035077"/>
                <a:gd name="connsiteX12" fmla="*/ 4779736 w 5805714"/>
                <a:gd name="connsiteY12" fmla="*/ 994228 h 1035077"/>
                <a:gd name="connsiteX13" fmla="*/ 4644571 w 5805714"/>
                <a:gd name="connsiteY13" fmla="*/ 943428 h 1035077"/>
                <a:gd name="connsiteX14" fmla="*/ 4524828 w 5805714"/>
                <a:gd name="connsiteY14" fmla="*/ 913493 h 1035077"/>
                <a:gd name="connsiteX15" fmla="*/ 4405993 w 5805714"/>
                <a:gd name="connsiteY15" fmla="*/ 946150 h 1035077"/>
                <a:gd name="connsiteX16" fmla="*/ 4278086 w 5805714"/>
                <a:gd name="connsiteY16" fmla="*/ 998764 h 1035077"/>
                <a:gd name="connsiteX17" fmla="*/ 4125686 w 5805714"/>
                <a:gd name="connsiteY17" fmla="*/ 913493 h 1035077"/>
                <a:gd name="connsiteX18" fmla="*/ 4054021 w 5805714"/>
                <a:gd name="connsiteY18" fmla="*/ 993321 h 1035077"/>
                <a:gd name="connsiteX19" fmla="*/ 3889828 w 5805714"/>
                <a:gd name="connsiteY19" fmla="*/ 914400 h 1035077"/>
                <a:gd name="connsiteX20" fmla="*/ 3788228 w 5805714"/>
                <a:gd name="connsiteY20" fmla="*/ 957943 h 1035077"/>
                <a:gd name="connsiteX21" fmla="*/ 3605893 w 5805714"/>
                <a:gd name="connsiteY21" fmla="*/ 910771 h 1035077"/>
                <a:gd name="connsiteX22" fmla="*/ 3521528 w 5805714"/>
                <a:gd name="connsiteY22" fmla="*/ 961571 h 1035077"/>
                <a:gd name="connsiteX23" fmla="*/ 3387271 w 5805714"/>
                <a:gd name="connsiteY23" fmla="*/ 968828 h 1035077"/>
                <a:gd name="connsiteX24" fmla="*/ 3252107 w 5805714"/>
                <a:gd name="connsiteY24" fmla="*/ 922564 h 1035077"/>
                <a:gd name="connsiteX25" fmla="*/ 3164114 w 5805714"/>
                <a:gd name="connsiteY25" fmla="*/ 914400 h 1035077"/>
                <a:gd name="connsiteX26" fmla="*/ 3125107 w 5805714"/>
                <a:gd name="connsiteY26" fmla="*/ 960664 h 1035077"/>
                <a:gd name="connsiteX27" fmla="*/ 3070678 w 5805714"/>
                <a:gd name="connsiteY27" fmla="*/ 953407 h 1035077"/>
                <a:gd name="connsiteX28" fmla="*/ 2982686 w 5805714"/>
                <a:gd name="connsiteY28" fmla="*/ 1035050 h 1035077"/>
                <a:gd name="connsiteX29" fmla="*/ 2830286 w 5805714"/>
                <a:gd name="connsiteY29" fmla="*/ 943428 h 1035077"/>
                <a:gd name="connsiteX30" fmla="*/ 2801257 w 5805714"/>
                <a:gd name="connsiteY30" fmla="*/ 1001485 h 1035077"/>
                <a:gd name="connsiteX31" fmla="*/ 2699657 w 5805714"/>
                <a:gd name="connsiteY31" fmla="*/ 1001485 h 1035077"/>
                <a:gd name="connsiteX32" fmla="*/ 2625271 w 5805714"/>
                <a:gd name="connsiteY32" fmla="*/ 975178 h 1035077"/>
                <a:gd name="connsiteX33" fmla="*/ 2554514 w 5805714"/>
                <a:gd name="connsiteY33" fmla="*/ 943428 h 1035077"/>
                <a:gd name="connsiteX34" fmla="*/ 2509157 w 5805714"/>
                <a:gd name="connsiteY34" fmla="*/ 986064 h 1035077"/>
                <a:gd name="connsiteX35" fmla="*/ 2393043 w 5805714"/>
                <a:gd name="connsiteY35" fmla="*/ 983343 h 1035077"/>
                <a:gd name="connsiteX36" fmla="*/ 2305050 w 5805714"/>
                <a:gd name="connsiteY36" fmla="*/ 1023257 h 1035077"/>
                <a:gd name="connsiteX37" fmla="*/ 2169886 w 5805714"/>
                <a:gd name="connsiteY37" fmla="*/ 982435 h 1035077"/>
                <a:gd name="connsiteX38" fmla="*/ 2012043 w 5805714"/>
                <a:gd name="connsiteY38" fmla="*/ 997857 h 1035077"/>
                <a:gd name="connsiteX39" fmla="*/ 1894114 w 5805714"/>
                <a:gd name="connsiteY39" fmla="*/ 941614 h 1035077"/>
                <a:gd name="connsiteX40" fmla="*/ 1785257 w 5805714"/>
                <a:gd name="connsiteY40" fmla="*/ 992414 h 1035077"/>
                <a:gd name="connsiteX41" fmla="*/ 1654628 w 5805714"/>
                <a:gd name="connsiteY41" fmla="*/ 986971 h 1035077"/>
                <a:gd name="connsiteX42" fmla="*/ 1520371 w 5805714"/>
                <a:gd name="connsiteY42" fmla="*/ 1034143 h 1035077"/>
                <a:gd name="connsiteX43" fmla="*/ 1348921 w 5805714"/>
                <a:gd name="connsiteY43" fmla="*/ 960664 h 1035077"/>
                <a:gd name="connsiteX44" fmla="*/ 1230086 w 5805714"/>
                <a:gd name="connsiteY44" fmla="*/ 986971 h 1035077"/>
                <a:gd name="connsiteX45" fmla="*/ 1127578 w 5805714"/>
                <a:gd name="connsiteY45" fmla="*/ 954314 h 1035077"/>
                <a:gd name="connsiteX46" fmla="*/ 1030514 w 5805714"/>
                <a:gd name="connsiteY46" fmla="*/ 1016000 h 1035077"/>
                <a:gd name="connsiteX47" fmla="*/ 903514 w 5805714"/>
                <a:gd name="connsiteY47" fmla="*/ 971550 h 1035077"/>
                <a:gd name="connsiteX48" fmla="*/ 760186 w 5805714"/>
                <a:gd name="connsiteY48" fmla="*/ 981528 h 1035077"/>
                <a:gd name="connsiteX49" fmla="*/ 678543 w 5805714"/>
                <a:gd name="connsiteY49" fmla="*/ 947964 h 1035077"/>
                <a:gd name="connsiteX50" fmla="*/ 594178 w 5805714"/>
                <a:gd name="connsiteY50" fmla="*/ 996043 h 1035077"/>
                <a:gd name="connsiteX51" fmla="*/ 493486 w 5805714"/>
                <a:gd name="connsiteY51" fmla="*/ 1001485 h 1035077"/>
                <a:gd name="connsiteX52" fmla="*/ 390071 w 5805714"/>
                <a:gd name="connsiteY52" fmla="*/ 930728 h 1035077"/>
                <a:gd name="connsiteX53" fmla="*/ 262164 w 5805714"/>
                <a:gd name="connsiteY53" fmla="*/ 979714 h 1035077"/>
                <a:gd name="connsiteX54" fmla="*/ 103414 w 5805714"/>
                <a:gd name="connsiteY54" fmla="*/ 967014 h 1035077"/>
                <a:gd name="connsiteX55" fmla="*/ 0 w 5805714"/>
                <a:gd name="connsiteY55" fmla="*/ 1001485 h 1035077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87271 w 5805714"/>
                <a:gd name="connsiteY23" fmla="*/ 968828 h 1035118"/>
                <a:gd name="connsiteX24" fmla="*/ 3252107 w 5805714"/>
                <a:gd name="connsiteY24" fmla="*/ 922564 h 1035118"/>
                <a:gd name="connsiteX25" fmla="*/ 3164114 w 5805714"/>
                <a:gd name="connsiteY25" fmla="*/ 914400 h 1035118"/>
                <a:gd name="connsiteX26" fmla="*/ 3125107 w 5805714"/>
                <a:gd name="connsiteY26" fmla="*/ 960664 h 1035118"/>
                <a:gd name="connsiteX27" fmla="*/ 3070678 w 5805714"/>
                <a:gd name="connsiteY27" fmla="*/ 953407 h 1035118"/>
                <a:gd name="connsiteX28" fmla="*/ 2982686 w 5805714"/>
                <a:gd name="connsiteY28" fmla="*/ 1035050 h 1035118"/>
                <a:gd name="connsiteX29" fmla="*/ 2877457 w 5805714"/>
                <a:gd name="connsiteY29" fmla="*/ 967014 h 1035118"/>
                <a:gd name="connsiteX30" fmla="*/ 2830286 w 5805714"/>
                <a:gd name="connsiteY30" fmla="*/ 943428 h 1035118"/>
                <a:gd name="connsiteX31" fmla="*/ 2801257 w 5805714"/>
                <a:gd name="connsiteY31" fmla="*/ 1001485 h 1035118"/>
                <a:gd name="connsiteX32" fmla="*/ 2699657 w 5805714"/>
                <a:gd name="connsiteY32" fmla="*/ 1001485 h 1035118"/>
                <a:gd name="connsiteX33" fmla="*/ 2625271 w 5805714"/>
                <a:gd name="connsiteY33" fmla="*/ 975178 h 1035118"/>
                <a:gd name="connsiteX34" fmla="*/ 2554514 w 5805714"/>
                <a:gd name="connsiteY34" fmla="*/ 943428 h 1035118"/>
                <a:gd name="connsiteX35" fmla="*/ 2509157 w 5805714"/>
                <a:gd name="connsiteY35" fmla="*/ 986064 h 1035118"/>
                <a:gd name="connsiteX36" fmla="*/ 2393043 w 5805714"/>
                <a:gd name="connsiteY36" fmla="*/ 983343 h 1035118"/>
                <a:gd name="connsiteX37" fmla="*/ 2305050 w 5805714"/>
                <a:gd name="connsiteY37" fmla="*/ 1023257 h 1035118"/>
                <a:gd name="connsiteX38" fmla="*/ 2169886 w 5805714"/>
                <a:gd name="connsiteY38" fmla="*/ 982435 h 1035118"/>
                <a:gd name="connsiteX39" fmla="*/ 2012043 w 5805714"/>
                <a:gd name="connsiteY39" fmla="*/ 997857 h 1035118"/>
                <a:gd name="connsiteX40" fmla="*/ 1894114 w 5805714"/>
                <a:gd name="connsiteY40" fmla="*/ 941614 h 1035118"/>
                <a:gd name="connsiteX41" fmla="*/ 1785257 w 5805714"/>
                <a:gd name="connsiteY41" fmla="*/ 992414 h 1035118"/>
                <a:gd name="connsiteX42" fmla="*/ 1654628 w 5805714"/>
                <a:gd name="connsiteY42" fmla="*/ 986971 h 1035118"/>
                <a:gd name="connsiteX43" fmla="*/ 1520371 w 5805714"/>
                <a:gd name="connsiteY43" fmla="*/ 1034143 h 1035118"/>
                <a:gd name="connsiteX44" fmla="*/ 1348921 w 5805714"/>
                <a:gd name="connsiteY44" fmla="*/ 960664 h 1035118"/>
                <a:gd name="connsiteX45" fmla="*/ 1230086 w 5805714"/>
                <a:gd name="connsiteY45" fmla="*/ 986971 h 1035118"/>
                <a:gd name="connsiteX46" fmla="*/ 1127578 w 5805714"/>
                <a:gd name="connsiteY46" fmla="*/ 954314 h 1035118"/>
                <a:gd name="connsiteX47" fmla="*/ 1030514 w 5805714"/>
                <a:gd name="connsiteY47" fmla="*/ 1016000 h 1035118"/>
                <a:gd name="connsiteX48" fmla="*/ 903514 w 5805714"/>
                <a:gd name="connsiteY48" fmla="*/ 971550 h 1035118"/>
                <a:gd name="connsiteX49" fmla="*/ 760186 w 5805714"/>
                <a:gd name="connsiteY49" fmla="*/ 981528 h 1035118"/>
                <a:gd name="connsiteX50" fmla="*/ 678543 w 5805714"/>
                <a:gd name="connsiteY50" fmla="*/ 947964 h 1035118"/>
                <a:gd name="connsiteX51" fmla="*/ 594178 w 5805714"/>
                <a:gd name="connsiteY51" fmla="*/ 996043 h 1035118"/>
                <a:gd name="connsiteX52" fmla="*/ 493486 w 5805714"/>
                <a:gd name="connsiteY52" fmla="*/ 1001485 h 1035118"/>
                <a:gd name="connsiteX53" fmla="*/ 390071 w 5805714"/>
                <a:gd name="connsiteY53" fmla="*/ 930728 h 1035118"/>
                <a:gd name="connsiteX54" fmla="*/ 262164 w 5805714"/>
                <a:gd name="connsiteY54" fmla="*/ 979714 h 1035118"/>
                <a:gd name="connsiteX55" fmla="*/ 103414 w 5805714"/>
                <a:gd name="connsiteY55" fmla="*/ 967014 h 1035118"/>
                <a:gd name="connsiteX56" fmla="*/ 0 w 5805714"/>
                <a:gd name="connsiteY56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87271 w 5805714"/>
                <a:gd name="connsiteY23" fmla="*/ 968828 h 1035118"/>
                <a:gd name="connsiteX24" fmla="*/ 3277507 w 5805714"/>
                <a:gd name="connsiteY24" fmla="*/ 967014 h 1035118"/>
                <a:gd name="connsiteX25" fmla="*/ 3164114 w 5805714"/>
                <a:gd name="connsiteY25" fmla="*/ 914400 h 1035118"/>
                <a:gd name="connsiteX26" fmla="*/ 3125107 w 5805714"/>
                <a:gd name="connsiteY26" fmla="*/ 960664 h 1035118"/>
                <a:gd name="connsiteX27" fmla="*/ 3070678 w 5805714"/>
                <a:gd name="connsiteY27" fmla="*/ 953407 h 1035118"/>
                <a:gd name="connsiteX28" fmla="*/ 2982686 w 5805714"/>
                <a:gd name="connsiteY28" fmla="*/ 1035050 h 1035118"/>
                <a:gd name="connsiteX29" fmla="*/ 2877457 w 5805714"/>
                <a:gd name="connsiteY29" fmla="*/ 967014 h 1035118"/>
                <a:gd name="connsiteX30" fmla="*/ 2830286 w 5805714"/>
                <a:gd name="connsiteY30" fmla="*/ 943428 h 1035118"/>
                <a:gd name="connsiteX31" fmla="*/ 2801257 w 5805714"/>
                <a:gd name="connsiteY31" fmla="*/ 1001485 h 1035118"/>
                <a:gd name="connsiteX32" fmla="*/ 2699657 w 5805714"/>
                <a:gd name="connsiteY32" fmla="*/ 1001485 h 1035118"/>
                <a:gd name="connsiteX33" fmla="*/ 2625271 w 5805714"/>
                <a:gd name="connsiteY33" fmla="*/ 975178 h 1035118"/>
                <a:gd name="connsiteX34" fmla="*/ 2554514 w 5805714"/>
                <a:gd name="connsiteY34" fmla="*/ 943428 h 1035118"/>
                <a:gd name="connsiteX35" fmla="*/ 2509157 w 5805714"/>
                <a:gd name="connsiteY35" fmla="*/ 986064 h 1035118"/>
                <a:gd name="connsiteX36" fmla="*/ 2393043 w 5805714"/>
                <a:gd name="connsiteY36" fmla="*/ 983343 h 1035118"/>
                <a:gd name="connsiteX37" fmla="*/ 2305050 w 5805714"/>
                <a:gd name="connsiteY37" fmla="*/ 1023257 h 1035118"/>
                <a:gd name="connsiteX38" fmla="*/ 2169886 w 5805714"/>
                <a:gd name="connsiteY38" fmla="*/ 982435 h 1035118"/>
                <a:gd name="connsiteX39" fmla="*/ 2012043 w 5805714"/>
                <a:gd name="connsiteY39" fmla="*/ 997857 h 1035118"/>
                <a:gd name="connsiteX40" fmla="*/ 1894114 w 5805714"/>
                <a:gd name="connsiteY40" fmla="*/ 941614 h 1035118"/>
                <a:gd name="connsiteX41" fmla="*/ 1785257 w 5805714"/>
                <a:gd name="connsiteY41" fmla="*/ 992414 h 1035118"/>
                <a:gd name="connsiteX42" fmla="*/ 1654628 w 5805714"/>
                <a:gd name="connsiteY42" fmla="*/ 986971 h 1035118"/>
                <a:gd name="connsiteX43" fmla="*/ 1520371 w 5805714"/>
                <a:gd name="connsiteY43" fmla="*/ 1034143 h 1035118"/>
                <a:gd name="connsiteX44" fmla="*/ 1348921 w 5805714"/>
                <a:gd name="connsiteY44" fmla="*/ 960664 h 1035118"/>
                <a:gd name="connsiteX45" fmla="*/ 1230086 w 5805714"/>
                <a:gd name="connsiteY45" fmla="*/ 986971 h 1035118"/>
                <a:gd name="connsiteX46" fmla="*/ 1127578 w 5805714"/>
                <a:gd name="connsiteY46" fmla="*/ 954314 h 1035118"/>
                <a:gd name="connsiteX47" fmla="*/ 1030514 w 5805714"/>
                <a:gd name="connsiteY47" fmla="*/ 1016000 h 1035118"/>
                <a:gd name="connsiteX48" fmla="*/ 903514 w 5805714"/>
                <a:gd name="connsiteY48" fmla="*/ 971550 h 1035118"/>
                <a:gd name="connsiteX49" fmla="*/ 760186 w 5805714"/>
                <a:gd name="connsiteY49" fmla="*/ 981528 h 1035118"/>
                <a:gd name="connsiteX50" fmla="*/ 678543 w 5805714"/>
                <a:gd name="connsiteY50" fmla="*/ 947964 h 1035118"/>
                <a:gd name="connsiteX51" fmla="*/ 594178 w 5805714"/>
                <a:gd name="connsiteY51" fmla="*/ 996043 h 1035118"/>
                <a:gd name="connsiteX52" fmla="*/ 493486 w 5805714"/>
                <a:gd name="connsiteY52" fmla="*/ 1001485 h 1035118"/>
                <a:gd name="connsiteX53" fmla="*/ 390071 w 5805714"/>
                <a:gd name="connsiteY53" fmla="*/ 930728 h 1035118"/>
                <a:gd name="connsiteX54" fmla="*/ 262164 w 5805714"/>
                <a:gd name="connsiteY54" fmla="*/ 979714 h 1035118"/>
                <a:gd name="connsiteX55" fmla="*/ 103414 w 5805714"/>
                <a:gd name="connsiteY55" fmla="*/ 967014 h 1035118"/>
                <a:gd name="connsiteX56" fmla="*/ 0 w 5805714"/>
                <a:gd name="connsiteY56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87271 w 5805714"/>
                <a:gd name="connsiteY23" fmla="*/ 968828 h 1035118"/>
                <a:gd name="connsiteX24" fmla="*/ 3277507 w 5805714"/>
                <a:gd name="connsiteY24" fmla="*/ 96701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93621 w 5805714"/>
                <a:gd name="connsiteY23" fmla="*/ 918028 h 1035118"/>
                <a:gd name="connsiteX24" fmla="*/ 3277507 w 5805714"/>
                <a:gd name="connsiteY24" fmla="*/ 96701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93621 w 5805714"/>
                <a:gd name="connsiteY23" fmla="*/ 91802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52008 w 5805714"/>
                <a:gd name="connsiteY22" fmla="*/ 999671 h 1035118"/>
                <a:gd name="connsiteX23" fmla="*/ 3393621 w 5805714"/>
                <a:gd name="connsiteY23" fmla="*/ 91802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51613 w 5805714"/>
                <a:gd name="connsiteY21" fmla="*/ 9488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0608 w 5805714"/>
                <a:gd name="connsiteY20" fmla="*/ 988423 h 1035118"/>
                <a:gd name="connsiteX21" fmla="*/ 3651613 w 5805714"/>
                <a:gd name="connsiteY21" fmla="*/ 9488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44108 w 5805714"/>
                <a:gd name="connsiteY19" fmla="*/ 929640 h 1035118"/>
                <a:gd name="connsiteX20" fmla="*/ 3780608 w 5805714"/>
                <a:gd name="connsiteY20" fmla="*/ 988423 h 1035118"/>
                <a:gd name="connsiteX21" fmla="*/ 3651613 w 5805714"/>
                <a:gd name="connsiteY21" fmla="*/ 9488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201886 w 5805714"/>
                <a:gd name="connsiteY17" fmla="*/ 921113 h 1035118"/>
                <a:gd name="connsiteX18" fmla="*/ 4054021 w 5805714"/>
                <a:gd name="connsiteY18" fmla="*/ 993321 h 1035118"/>
                <a:gd name="connsiteX19" fmla="*/ 3844108 w 5805714"/>
                <a:gd name="connsiteY19" fmla="*/ 929640 h 1035118"/>
                <a:gd name="connsiteX20" fmla="*/ 3780608 w 5805714"/>
                <a:gd name="connsiteY20" fmla="*/ 988423 h 1035118"/>
                <a:gd name="connsiteX21" fmla="*/ 3651613 w 5805714"/>
                <a:gd name="connsiteY21" fmla="*/ 9488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201886 w 5805714"/>
                <a:gd name="connsiteY17" fmla="*/ 921113 h 1035118"/>
                <a:gd name="connsiteX18" fmla="*/ 4106999 w 5805714"/>
                <a:gd name="connsiteY18" fmla="*/ 9695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201886 w 5805714"/>
                <a:gd name="connsiteY17" fmla="*/ 92111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3790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3790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4862648 w 5805714"/>
                <a:gd name="connsiteY10" fmla="*/ 102652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54748 w 5805714"/>
                <a:gd name="connsiteY8" fmla="*/ 9443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16401 w 5805714"/>
                <a:gd name="connsiteY7" fmla="*/ 1003300 h 1035118"/>
                <a:gd name="connsiteX8" fmla="*/ 5154748 w 5805714"/>
                <a:gd name="connsiteY8" fmla="*/ 9443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99067 w 5805714"/>
                <a:gd name="connsiteY5" fmla="*/ 989874 h 1035118"/>
                <a:gd name="connsiteX6" fmla="*/ 5493657 w 5805714"/>
                <a:gd name="connsiteY6" fmla="*/ 929821 h 1035118"/>
                <a:gd name="connsiteX7" fmla="*/ 5316401 w 5805714"/>
                <a:gd name="connsiteY7" fmla="*/ 1003300 h 1035118"/>
                <a:gd name="connsiteX8" fmla="*/ 5154748 w 5805714"/>
                <a:gd name="connsiteY8" fmla="*/ 9443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99067 w 5805714"/>
                <a:gd name="connsiteY5" fmla="*/ 989874 h 1035118"/>
                <a:gd name="connsiteX6" fmla="*/ 5463177 w 5805714"/>
                <a:gd name="connsiteY6" fmla="*/ 952681 h 1035118"/>
                <a:gd name="connsiteX7" fmla="*/ 5316401 w 5805714"/>
                <a:gd name="connsiteY7" fmla="*/ 1003300 h 1035118"/>
                <a:gd name="connsiteX8" fmla="*/ 5154748 w 5805714"/>
                <a:gd name="connsiteY8" fmla="*/ 9443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30086 w 5813334"/>
                <a:gd name="connsiteY47" fmla="*/ 98697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390071 w 5813334"/>
                <a:gd name="connsiteY55" fmla="*/ 930728 h 1035118"/>
                <a:gd name="connsiteX56" fmla="*/ 262164 w 5813334"/>
                <a:gd name="connsiteY56" fmla="*/ 979714 h 1035118"/>
                <a:gd name="connsiteX57" fmla="*/ 103414 w 5813334"/>
                <a:gd name="connsiteY57" fmla="*/ 967014 h 1035118"/>
                <a:gd name="connsiteX58" fmla="*/ 0 w 5813334"/>
                <a:gd name="connsiteY58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30086 w 5813334"/>
                <a:gd name="connsiteY47" fmla="*/ 98697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390071 w 5813334"/>
                <a:gd name="connsiteY55" fmla="*/ 930728 h 1035118"/>
                <a:gd name="connsiteX56" fmla="*/ 307884 w 5813334"/>
                <a:gd name="connsiteY56" fmla="*/ 1010194 h 1035118"/>
                <a:gd name="connsiteX57" fmla="*/ 103414 w 5813334"/>
                <a:gd name="connsiteY57" fmla="*/ 967014 h 1035118"/>
                <a:gd name="connsiteX58" fmla="*/ 0 w 5813334"/>
                <a:gd name="connsiteY58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30086 w 5813334"/>
                <a:gd name="connsiteY47" fmla="*/ 98697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434159 w 5813334"/>
                <a:gd name="connsiteY55" fmla="*/ 969553 h 1035118"/>
                <a:gd name="connsiteX56" fmla="*/ 390071 w 5813334"/>
                <a:gd name="connsiteY56" fmla="*/ 930728 h 1035118"/>
                <a:gd name="connsiteX57" fmla="*/ 307884 w 5813334"/>
                <a:gd name="connsiteY57" fmla="*/ 1010194 h 1035118"/>
                <a:gd name="connsiteX58" fmla="*/ 103414 w 5813334"/>
                <a:gd name="connsiteY58" fmla="*/ 967014 h 1035118"/>
                <a:gd name="connsiteX59" fmla="*/ 0 w 5813334"/>
                <a:gd name="connsiteY59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30086 w 5813334"/>
                <a:gd name="connsiteY47" fmla="*/ 98697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434159 w 5813334"/>
                <a:gd name="connsiteY55" fmla="*/ 969553 h 1035118"/>
                <a:gd name="connsiteX56" fmla="*/ 374831 w 5813334"/>
                <a:gd name="connsiteY56" fmla="*/ 976448 h 1035118"/>
                <a:gd name="connsiteX57" fmla="*/ 307884 w 5813334"/>
                <a:gd name="connsiteY57" fmla="*/ 1010194 h 1035118"/>
                <a:gd name="connsiteX58" fmla="*/ 103414 w 5813334"/>
                <a:gd name="connsiteY58" fmla="*/ 967014 h 1035118"/>
                <a:gd name="connsiteX59" fmla="*/ 0 w 5813334"/>
                <a:gd name="connsiteY59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45326 w 5813334"/>
                <a:gd name="connsiteY47" fmla="*/ 100983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434159 w 5813334"/>
                <a:gd name="connsiteY55" fmla="*/ 969553 h 1035118"/>
                <a:gd name="connsiteX56" fmla="*/ 374831 w 5813334"/>
                <a:gd name="connsiteY56" fmla="*/ 976448 h 1035118"/>
                <a:gd name="connsiteX57" fmla="*/ 307884 w 5813334"/>
                <a:gd name="connsiteY57" fmla="*/ 1010194 h 1035118"/>
                <a:gd name="connsiteX58" fmla="*/ 103414 w 5813334"/>
                <a:gd name="connsiteY58" fmla="*/ 967014 h 1035118"/>
                <a:gd name="connsiteX59" fmla="*/ 0 w 5813334"/>
                <a:gd name="connsiteY59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55308 w 5813334"/>
                <a:gd name="connsiteY14" fmla="*/ 98207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45326 w 5813334"/>
                <a:gd name="connsiteY47" fmla="*/ 100983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434159 w 5813334"/>
                <a:gd name="connsiteY55" fmla="*/ 969553 h 1035118"/>
                <a:gd name="connsiteX56" fmla="*/ 374831 w 5813334"/>
                <a:gd name="connsiteY56" fmla="*/ 976448 h 1035118"/>
                <a:gd name="connsiteX57" fmla="*/ 307884 w 5813334"/>
                <a:gd name="connsiteY57" fmla="*/ 1010194 h 1035118"/>
                <a:gd name="connsiteX58" fmla="*/ 103414 w 5813334"/>
                <a:gd name="connsiteY58" fmla="*/ 967014 h 1035118"/>
                <a:gd name="connsiteX59" fmla="*/ 0 w 5813334"/>
                <a:gd name="connsiteY59" fmla="*/ 1001485 h 1035118"/>
                <a:gd name="connsiteX0" fmla="*/ 0 w 5813334"/>
                <a:gd name="connsiteY0" fmla="*/ 1001485 h 1043214"/>
                <a:gd name="connsiteX1" fmla="*/ 0 w 5813334"/>
                <a:gd name="connsiteY1" fmla="*/ 0 h 1043214"/>
                <a:gd name="connsiteX2" fmla="*/ 5805714 w 5813334"/>
                <a:gd name="connsiteY2" fmla="*/ 0 h 1043214"/>
                <a:gd name="connsiteX3" fmla="*/ 5813334 w 5813334"/>
                <a:gd name="connsiteY3" fmla="*/ 1011283 h 1043214"/>
                <a:gd name="connsiteX4" fmla="*/ 5684157 w 5813334"/>
                <a:gd name="connsiteY4" fmla="*/ 935264 h 1043214"/>
                <a:gd name="connsiteX5" fmla="*/ 5606687 w 5813334"/>
                <a:gd name="connsiteY5" fmla="*/ 1043214 h 1043214"/>
                <a:gd name="connsiteX6" fmla="*/ 5463177 w 5813334"/>
                <a:gd name="connsiteY6" fmla="*/ 952681 h 1043214"/>
                <a:gd name="connsiteX7" fmla="*/ 5316401 w 5813334"/>
                <a:gd name="connsiteY7" fmla="*/ 1003300 h 1043214"/>
                <a:gd name="connsiteX8" fmla="*/ 5154748 w 5813334"/>
                <a:gd name="connsiteY8" fmla="*/ 944335 h 1043214"/>
                <a:gd name="connsiteX9" fmla="*/ 5030107 w 5813334"/>
                <a:gd name="connsiteY9" fmla="*/ 977174 h 1043214"/>
                <a:gd name="connsiteX10" fmla="*/ 4915988 w 5813334"/>
                <a:gd name="connsiteY10" fmla="*/ 1011283 h 1043214"/>
                <a:gd name="connsiteX11" fmla="*/ 4841421 w 5813334"/>
                <a:gd name="connsiteY11" fmla="*/ 921657 h 1043214"/>
                <a:gd name="connsiteX12" fmla="*/ 4779736 w 5813334"/>
                <a:gd name="connsiteY12" fmla="*/ 994228 h 1043214"/>
                <a:gd name="connsiteX13" fmla="*/ 4644571 w 5813334"/>
                <a:gd name="connsiteY13" fmla="*/ 943428 h 1043214"/>
                <a:gd name="connsiteX14" fmla="*/ 4555308 w 5813334"/>
                <a:gd name="connsiteY14" fmla="*/ 982073 h 1043214"/>
                <a:gd name="connsiteX15" fmla="*/ 4405993 w 5813334"/>
                <a:gd name="connsiteY15" fmla="*/ 946150 h 1043214"/>
                <a:gd name="connsiteX16" fmla="*/ 4316186 w 5813334"/>
                <a:gd name="connsiteY16" fmla="*/ 998764 h 1043214"/>
                <a:gd name="connsiteX17" fmla="*/ 4209506 w 5813334"/>
                <a:gd name="connsiteY17" fmla="*/ 951593 h 1043214"/>
                <a:gd name="connsiteX18" fmla="*/ 4099379 w 5813334"/>
                <a:gd name="connsiteY18" fmla="*/ 931453 h 1043214"/>
                <a:gd name="connsiteX19" fmla="*/ 4054021 w 5813334"/>
                <a:gd name="connsiteY19" fmla="*/ 993321 h 1043214"/>
                <a:gd name="connsiteX20" fmla="*/ 3844108 w 5813334"/>
                <a:gd name="connsiteY20" fmla="*/ 929640 h 1043214"/>
                <a:gd name="connsiteX21" fmla="*/ 3780608 w 5813334"/>
                <a:gd name="connsiteY21" fmla="*/ 988423 h 1043214"/>
                <a:gd name="connsiteX22" fmla="*/ 3651613 w 5813334"/>
                <a:gd name="connsiteY22" fmla="*/ 948871 h 1043214"/>
                <a:gd name="connsiteX23" fmla="*/ 3552008 w 5813334"/>
                <a:gd name="connsiteY23" fmla="*/ 999671 h 1043214"/>
                <a:gd name="connsiteX24" fmla="*/ 3401241 w 5813334"/>
                <a:gd name="connsiteY24" fmla="*/ 963748 h 1043214"/>
                <a:gd name="connsiteX25" fmla="*/ 3315607 w 5813334"/>
                <a:gd name="connsiteY25" fmla="*/ 986064 h 1043214"/>
                <a:gd name="connsiteX26" fmla="*/ 3164114 w 5813334"/>
                <a:gd name="connsiteY26" fmla="*/ 914400 h 1043214"/>
                <a:gd name="connsiteX27" fmla="*/ 3163207 w 5813334"/>
                <a:gd name="connsiteY27" fmla="*/ 992413 h 1043214"/>
                <a:gd name="connsiteX28" fmla="*/ 3125107 w 5813334"/>
                <a:gd name="connsiteY28" fmla="*/ 960664 h 1043214"/>
                <a:gd name="connsiteX29" fmla="*/ 3070678 w 5813334"/>
                <a:gd name="connsiteY29" fmla="*/ 953407 h 1043214"/>
                <a:gd name="connsiteX30" fmla="*/ 2982686 w 5813334"/>
                <a:gd name="connsiteY30" fmla="*/ 1035050 h 1043214"/>
                <a:gd name="connsiteX31" fmla="*/ 2877457 w 5813334"/>
                <a:gd name="connsiteY31" fmla="*/ 967014 h 1043214"/>
                <a:gd name="connsiteX32" fmla="*/ 2830286 w 5813334"/>
                <a:gd name="connsiteY32" fmla="*/ 943428 h 1043214"/>
                <a:gd name="connsiteX33" fmla="*/ 2801257 w 5813334"/>
                <a:gd name="connsiteY33" fmla="*/ 1001485 h 1043214"/>
                <a:gd name="connsiteX34" fmla="*/ 2699657 w 5813334"/>
                <a:gd name="connsiteY34" fmla="*/ 1001485 h 1043214"/>
                <a:gd name="connsiteX35" fmla="*/ 2625271 w 5813334"/>
                <a:gd name="connsiteY35" fmla="*/ 975178 h 1043214"/>
                <a:gd name="connsiteX36" fmla="*/ 2554514 w 5813334"/>
                <a:gd name="connsiteY36" fmla="*/ 943428 h 1043214"/>
                <a:gd name="connsiteX37" fmla="*/ 2509157 w 5813334"/>
                <a:gd name="connsiteY37" fmla="*/ 986064 h 1043214"/>
                <a:gd name="connsiteX38" fmla="*/ 2393043 w 5813334"/>
                <a:gd name="connsiteY38" fmla="*/ 983343 h 1043214"/>
                <a:gd name="connsiteX39" fmla="*/ 2305050 w 5813334"/>
                <a:gd name="connsiteY39" fmla="*/ 1023257 h 1043214"/>
                <a:gd name="connsiteX40" fmla="*/ 2169886 w 5813334"/>
                <a:gd name="connsiteY40" fmla="*/ 982435 h 1043214"/>
                <a:gd name="connsiteX41" fmla="*/ 2012043 w 5813334"/>
                <a:gd name="connsiteY41" fmla="*/ 997857 h 1043214"/>
                <a:gd name="connsiteX42" fmla="*/ 1894114 w 5813334"/>
                <a:gd name="connsiteY42" fmla="*/ 941614 h 1043214"/>
                <a:gd name="connsiteX43" fmla="*/ 1785257 w 5813334"/>
                <a:gd name="connsiteY43" fmla="*/ 992414 h 1043214"/>
                <a:gd name="connsiteX44" fmla="*/ 1654628 w 5813334"/>
                <a:gd name="connsiteY44" fmla="*/ 986971 h 1043214"/>
                <a:gd name="connsiteX45" fmla="*/ 1520371 w 5813334"/>
                <a:gd name="connsiteY45" fmla="*/ 1034143 h 1043214"/>
                <a:gd name="connsiteX46" fmla="*/ 1348921 w 5813334"/>
                <a:gd name="connsiteY46" fmla="*/ 960664 h 1043214"/>
                <a:gd name="connsiteX47" fmla="*/ 1245326 w 5813334"/>
                <a:gd name="connsiteY47" fmla="*/ 1009831 h 1043214"/>
                <a:gd name="connsiteX48" fmla="*/ 1127578 w 5813334"/>
                <a:gd name="connsiteY48" fmla="*/ 954314 h 1043214"/>
                <a:gd name="connsiteX49" fmla="*/ 1030514 w 5813334"/>
                <a:gd name="connsiteY49" fmla="*/ 1016000 h 1043214"/>
                <a:gd name="connsiteX50" fmla="*/ 903514 w 5813334"/>
                <a:gd name="connsiteY50" fmla="*/ 971550 h 1043214"/>
                <a:gd name="connsiteX51" fmla="*/ 760186 w 5813334"/>
                <a:gd name="connsiteY51" fmla="*/ 981528 h 1043214"/>
                <a:gd name="connsiteX52" fmla="*/ 678543 w 5813334"/>
                <a:gd name="connsiteY52" fmla="*/ 947964 h 1043214"/>
                <a:gd name="connsiteX53" fmla="*/ 594178 w 5813334"/>
                <a:gd name="connsiteY53" fmla="*/ 996043 h 1043214"/>
                <a:gd name="connsiteX54" fmla="*/ 493486 w 5813334"/>
                <a:gd name="connsiteY54" fmla="*/ 1001485 h 1043214"/>
                <a:gd name="connsiteX55" fmla="*/ 434159 w 5813334"/>
                <a:gd name="connsiteY55" fmla="*/ 969553 h 1043214"/>
                <a:gd name="connsiteX56" fmla="*/ 374831 w 5813334"/>
                <a:gd name="connsiteY56" fmla="*/ 976448 h 1043214"/>
                <a:gd name="connsiteX57" fmla="*/ 307884 w 5813334"/>
                <a:gd name="connsiteY57" fmla="*/ 1010194 h 1043214"/>
                <a:gd name="connsiteX58" fmla="*/ 103414 w 5813334"/>
                <a:gd name="connsiteY58" fmla="*/ 967014 h 1043214"/>
                <a:gd name="connsiteX59" fmla="*/ 0 w 5813334"/>
                <a:gd name="connsiteY59" fmla="*/ 1001485 h 1043214"/>
                <a:gd name="connsiteX0" fmla="*/ 0 w 5820954"/>
                <a:gd name="connsiteY0" fmla="*/ 2121625 h 2163354"/>
                <a:gd name="connsiteX1" fmla="*/ 0 w 5820954"/>
                <a:gd name="connsiteY1" fmla="*/ 1120140 h 2163354"/>
                <a:gd name="connsiteX2" fmla="*/ 5820954 w 5820954"/>
                <a:gd name="connsiteY2" fmla="*/ 0 h 2163354"/>
                <a:gd name="connsiteX3" fmla="*/ 5813334 w 5820954"/>
                <a:gd name="connsiteY3" fmla="*/ 2131423 h 2163354"/>
                <a:gd name="connsiteX4" fmla="*/ 5684157 w 5820954"/>
                <a:gd name="connsiteY4" fmla="*/ 2055404 h 2163354"/>
                <a:gd name="connsiteX5" fmla="*/ 5606687 w 5820954"/>
                <a:gd name="connsiteY5" fmla="*/ 2163354 h 2163354"/>
                <a:gd name="connsiteX6" fmla="*/ 5463177 w 5820954"/>
                <a:gd name="connsiteY6" fmla="*/ 2072821 h 2163354"/>
                <a:gd name="connsiteX7" fmla="*/ 5316401 w 5820954"/>
                <a:gd name="connsiteY7" fmla="*/ 2123440 h 2163354"/>
                <a:gd name="connsiteX8" fmla="*/ 5154748 w 5820954"/>
                <a:gd name="connsiteY8" fmla="*/ 2064475 h 2163354"/>
                <a:gd name="connsiteX9" fmla="*/ 5030107 w 5820954"/>
                <a:gd name="connsiteY9" fmla="*/ 2097314 h 2163354"/>
                <a:gd name="connsiteX10" fmla="*/ 4915988 w 5820954"/>
                <a:gd name="connsiteY10" fmla="*/ 2131423 h 2163354"/>
                <a:gd name="connsiteX11" fmla="*/ 4841421 w 5820954"/>
                <a:gd name="connsiteY11" fmla="*/ 2041797 h 2163354"/>
                <a:gd name="connsiteX12" fmla="*/ 4779736 w 5820954"/>
                <a:gd name="connsiteY12" fmla="*/ 2114368 h 2163354"/>
                <a:gd name="connsiteX13" fmla="*/ 4644571 w 5820954"/>
                <a:gd name="connsiteY13" fmla="*/ 2063568 h 2163354"/>
                <a:gd name="connsiteX14" fmla="*/ 4555308 w 5820954"/>
                <a:gd name="connsiteY14" fmla="*/ 2102213 h 2163354"/>
                <a:gd name="connsiteX15" fmla="*/ 4405993 w 5820954"/>
                <a:gd name="connsiteY15" fmla="*/ 2066290 h 2163354"/>
                <a:gd name="connsiteX16" fmla="*/ 4316186 w 5820954"/>
                <a:gd name="connsiteY16" fmla="*/ 2118904 h 2163354"/>
                <a:gd name="connsiteX17" fmla="*/ 4209506 w 5820954"/>
                <a:gd name="connsiteY17" fmla="*/ 2071733 h 2163354"/>
                <a:gd name="connsiteX18" fmla="*/ 4099379 w 5820954"/>
                <a:gd name="connsiteY18" fmla="*/ 2051593 h 2163354"/>
                <a:gd name="connsiteX19" fmla="*/ 4054021 w 5820954"/>
                <a:gd name="connsiteY19" fmla="*/ 2113461 h 2163354"/>
                <a:gd name="connsiteX20" fmla="*/ 3844108 w 5820954"/>
                <a:gd name="connsiteY20" fmla="*/ 2049780 h 2163354"/>
                <a:gd name="connsiteX21" fmla="*/ 3780608 w 5820954"/>
                <a:gd name="connsiteY21" fmla="*/ 2108563 h 2163354"/>
                <a:gd name="connsiteX22" fmla="*/ 3651613 w 5820954"/>
                <a:gd name="connsiteY22" fmla="*/ 2069011 h 2163354"/>
                <a:gd name="connsiteX23" fmla="*/ 3552008 w 5820954"/>
                <a:gd name="connsiteY23" fmla="*/ 2119811 h 2163354"/>
                <a:gd name="connsiteX24" fmla="*/ 3401241 w 5820954"/>
                <a:gd name="connsiteY24" fmla="*/ 2083888 h 2163354"/>
                <a:gd name="connsiteX25" fmla="*/ 3315607 w 5820954"/>
                <a:gd name="connsiteY25" fmla="*/ 2106204 h 2163354"/>
                <a:gd name="connsiteX26" fmla="*/ 3164114 w 5820954"/>
                <a:gd name="connsiteY26" fmla="*/ 2034540 h 2163354"/>
                <a:gd name="connsiteX27" fmla="*/ 3163207 w 5820954"/>
                <a:gd name="connsiteY27" fmla="*/ 2112553 h 2163354"/>
                <a:gd name="connsiteX28" fmla="*/ 3125107 w 5820954"/>
                <a:gd name="connsiteY28" fmla="*/ 2080804 h 2163354"/>
                <a:gd name="connsiteX29" fmla="*/ 3070678 w 5820954"/>
                <a:gd name="connsiteY29" fmla="*/ 2073547 h 2163354"/>
                <a:gd name="connsiteX30" fmla="*/ 2982686 w 5820954"/>
                <a:gd name="connsiteY30" fmla="*/ 2155190 h 2163354"/>
                <a:gd name="connsiteX31" fmla="*/ 2877457 w 5820954"/>
                <a:gd name="connsiteY31" fmla="*/ 2087154 h 2163354"/>
                <a:gd name="connsiteX32" fmla="*/ 2830286 w 5820954"/>
                <a:gd name="connsiteY32" fmla="*/ 2063568 h 2163354"/>
                <a:gd name="connsiteX33" fmla="*/ 2801257 w 5820954"/>
                <a:gd name="connsiteY33" fmla="*/ 2121625 h 2163354"/>
                <a:gd name="connsiteX34" fmla="*/ 2699657 w 5820954"/>
                <a:gd name="connsiteY34" fmla="*/ 2121625 h 2163354"/>
                <a:gd name="connsiteX35" fmla="*/ 2625271 w 5820954"/>
                <a:gd name="connsiteY35" fmla="*/ 2095318 h 2163354"/>
                <a:gd name="connsiteX36" fmla="*/ 2554514 w 5820954"/>
                <a:gd name="connsiteY36" fmla="*/ 2063568 h 2163354"/>
                <a:gd name="connsiteX37" fmla="*/ 2509157 w 5820954"/>
                <a:gd name="connsiteY37" fmla="*/ 2106204 h 2163354"/>
                <a:gd name="connsiteX38" fmla="*/ 2393043 w 5820954"/>
                <a:gd name="connsiteY38" fmla="*/ 2103483 h 2163354"/>
                <a:gd name="connsiteX39" fmla="*/ 2305050 w 5820954"/>
                <a:gd name="connsiteY39" fmla="*/ 2143397 h 2163354"/>
                <a:gd name="connsiteX40" fmla="*/ 2169886 w 5820954"/>
                <a:gd name="connsiteY40" fmla="*/ 2102575 h 2163354"/>
                <a:gd name="connsiteX41" fmla="*/ 2012043 w 5820954"/>
                <a:gd name="connsiteY41" fmla="*/ 2117997 h 2163354"/>
                <a:gd name="connsiteX42" fmla="*/ 1894114 w 5820954"/>
                <a:gd name="connsiteY42" fmla="*/ 2061754 h 2163354"/>
                <a:gd name="connsiteX43" fmla="*/ 1785257 w 5820954"/>
                <a:gd name="connsiteY43" fmla="*/ 2112554 h 2163354"/>
                <a:gd name="connsiteX44" fmla="*/ 1654628 w 5820954"/>
                <a:gd name="connsiteY44" fmla="*/ 2107111 h 2163354"/>
                <a:gd name="connsiteX45" fmla="*/ 1520371 w 5820954"/>
                <a:gd name="connsiteY45" fmla="*/ 2154283 h 2163354"/>
                <a:gd name="connsiteX46" fmla="*/ 1348921 w 5820954"/>
                <a:gd name="connsiteY46" fmla="*/ 2080804 h 2163354"/>
                <a:gd name="connsiteX47" fmla="*/ 1245326 w 5820954"/>
                <a:gd name="connsiteY47" fmla="*/ 2129971 h 2163354"/>
                <a:gd name="connsiteX48" fmla="*/ 1127578 w 5820954"/>
                <a:gd name="connsiteY48" fmla="*/ 2074454 h 2163354"/>
                <a:gd name="connsiteX49" fmla="*/ 1030514 w 5820954"/>
                <a:gd name="connsiteY49" fmla="*/ 2136140 h 2163354"/>
                <a:gd name="connsiteX50" fmla="*/ 903514 w 5820954"/>
                <a:gd name="connsiteY50" fmla="*/ 2091690 h 2163354"/>
                <a:gd name="connsiteX51" fmla="*/ 760186 w 5820954"/>
                <a:gd name="connsiteY51" fmla="*/ 2101668 h 2163354"/>
                <a:gd name="connsiteX52" fmla="*/ 678543 w 5820954"/>
                <a:gd name="connsiteY52" fmla="*/ 2068104 h 2163354"/>
                <a:gd name="connsiteX53" fmla="*/ 594178 w 5820954"/>
                <a:gd name="connsiteY53" fmla="*/ 2116183 h 2163354"/>
                <a:gd name="connsiteX54" fmla="*/ 493486 w 5820954"/>
                <a:gd name="connsiteY54" fmla="*/ 2121625 h 2163354"/>
                <a:gd name="connsiteX55" fmla="*/ 434159 w 5820954"/>
                <a:gd name="connsiteY55" fmla="*/ 2089693 h 2163354"/>
                <a:gd name="connsiteX56" fmla="*/ 374831 w 5820954"/>
                <a:gd name="connsiteY56" fmla="*/ 2096588 h 2163354"/>
                <a:gd name="connsiteX57" fmla="*/ 307884 w 5820954"/>
                <a:gd name="connsiteY57" fmla="*/ 2130334 h 2163354"/>
                <a:gd name="connsiteX58" fmla="*/ 103414 w 5820954"/>
                <a:gd name="connsiteY58" fmla="*/ 2087154 h 2163354"/>
                <a:gd name="connsiteX59" fmla="*/ 0 w 5820954"/>
                <a:gd name="connsiteY59" fmla="*/ 2121625 h 2163354"/>
                <a:gd name="connsiteX0" fmla="*/ 0 w 5820954"/>
                <a:gd name="connsiteY0" fmla="*/ 2121625 h 2163354"/>
                <a:gd name="connsiteX1" fmla="*/ 7620 w 5820954"/>
                <a:gd name="connsiteY1" fmla="*/ 22860 h 2163354"/>
                <a:gd name="connsiteX2" fmla="*/ 5820954 w 5820954"/>
                <a:gd name="connsiteY2" fmla="*/ 0 h 2163354"/>
                <a:gd name="connsiteX3" fmla="*/ 5813334 w 5820954"/>
                <a:gd name="connsiteY3" fmla="*/ 2131423 h 2163354"/>
                <a:gd name="connsiteX4" fmla="*/ 5684157 w 5820954"/>
                <a:gd name="connsiteY4" fmla="*/ 2055404 h 2163354"/>
                <a:gd name="connsiteX5" fmla="*/ 5606687 w 5820954"/>
                <a:gd name="connsiteY5" fmla="*/ 2163354 h 2163354"/>
                <a:gd name="connsiteX6" fmla="*/ 5463177 w 5820954"/>
                <a:gd name="connsiteY6" fmla="*/ 2072821 h 2163354"/>
                <a:gd name="connsiteX7" fmla="*/ 5316401 w 5820954"/>
                <a:gd name="connsiteY7" fmla="*/ 2123440 h 2163354"/>
                <a:gd name="connsiteX8" fmla="*/ 5154748 w 5820954"/>
                <a:gd name="connsiteY8" fmla="*/ 2064475 h 2163354"/>
                <a:gd name="connsiteX9" fmla="*/ 5030107 w 5820954"/>
                <a:gd name="connsiteY9" fmla="*/ 2097314 h 2163354"/>
                <a:gd name="connsiteX10" fmla="*/ 4915988 w 5820954"/>
                <a:gd name="connsiteY10" fmla="*/ 2131423 h 2163354"/>
                <a:gd name="connsiteX11" fmla="*/ 4841421 w 5820954"/>
                <a:gd name="connsiteY11" fmla="*/ 2041797 h 2163354"/>
                <a:gd name="connsiteX12" fmla="*/ 4779736 w 5820954"/>
                <a:gd name="connsiteY12" fmla="*/ 2114368 h 2163354"/>
                <a:gd name="connsiteX13" fmla="*/ 4644571 w 5820954"/>
                <a:gd name="connsiteY13" fmla="*/ 2063568 h 2163354"/>
                <a:gd name="connsiteX14" fmla="*/ 4555308 w 5820954"/>
                <a:gd name="connsiteY14" fmla="*/ 2102213 h 2163354"/>
                <a:gd name="connsiteX15" fmla="*/ 4405993 w 5820954"/>
                <a:gd name="connsiteY15" fmla="*/ 2066290 h 2163354"/>
                <a:gd name="connsiteX16" fmla="*/ 4316186 w 5820954"/>
                <a:gd name="connsiteY16" fmla="*/ 2118904 h 2163354"/>
                <a:gd name="connsiteX17" fmla="*/ 4209506 w 5820954"/>
                <a:gd name="connsiteY17" fmla="*/ 2071733 h 2163354"/>
                <a:gd name="connsiteX18" fmla="*/ 4099379 w 5820954"/>
                <a:gd name="connsiteY18" fmla="*/ 2051593 h 2163354"/>
                <a:gd name="connsiteX19" fmla="*/ 4054021 w 5820954"/>
                <a:gd name="connsiteY19" fmla="*/ 2113461 h 2163354"/>
                <a:gd name="connsiteX20" fmla="*/ 3844108 w 5820954"/>
                <a:gd name="connsiteY20" fmla="*/ 2049780 h 2163354"/>
                <a:gd name="connsiteX21" fmla="*/ 3780608 w 5820954"/>
                <a:gd name="connsiteY21" fmla="*/ 2108563 h 2163354"/>
                <a:gd name="connsiteX22" fmla="*/ 3651613 w 5820954"/>
                <a:gd name="connsiteY22" fmla="*/ 2069011 h 2163354"/>
                <a:gd name="connsiteX23" fmla="*/ 3552008 w 5820954"/>
                <a:gd name="connsiteY23" fmla="*/ 2119811 h 2163354"/>
                <a:gd name="connsiteX24" fmla="*/ 3401241 w 5820954"/>
                <a:gd name="connsiteY24" fmla="*/ 2083888 h 2163354"/>
                <a:gd name="connsiteX25" fmla="*/ 3315607 w 5820954"/>
                <a:gd name="connsiteY25" fmla="*/ 2106204 h 2163354"/>
                <a:gd name="connsiteX26" fmla="*/ 3164114 w 5820954"/>
                <a:gd name="connsiteY26" fmla="*/ 2034540 h 2163354"/>
                <a:gd name="connsiteX27" fmla="*/ 3163207 w 5820954"/>
                <a:gd name="connsiteY27" fmla="*/ 2112553 h 2163354"/>
                <a:gd name="connsiteX28" fmla="*/ 3125107 w 5820954"/>
                <a:gd name="connsiteY28" fmla="*/ 2080804 h 2163354"/>
                <a:gd name="connsiteX29" fmla="*/ 3070678 w 5820954"/>
                <a:gd name="connsiteY29" fmla="*/ 2073547 h 2163354"/>
                <a:gd name="connsiteX30" fmla="*/ 2982686 w 5820954"/>
                <a:gd name="connsiteY30" fmla="*/ 2155190 h 2163354"/>
                <a:gd name="connsiteX31" fmla="*/ 2877457 w 5820954"/>
                <a:gd name="connsiteY31" fmla="*/ 2087154 h 2163354"/>
                <a:gd name="connsiteX32" fmla="*/ 2830286 w 5820954"/>
                <a:gd name="connsiteY32" fmla="*/ 2063568 h 2163354"/>
                <a:gd name="connsiteX33" fmla="*/ 2801257 w 5820954"/>
                <a:gd name="connsiteY33" fmla="*/ 2121625 h 2163354"/>
                <a:gd name="connsiteX34" fmla="*/ 2699657 w 5820954"/>
                <a:gd name="connsiteY34" fmla="*/ 2121625 h 2163354"/>
                <a:gd name="connsiteX35" fmla="*/ 2625271 w 5820954"/>
                <a:gd name="connsiteY35" fmla="*/ 2095318 h 2163354"/>
                <a:gd name="connsiteX36" fmla="*/ 2554514 w 5820954"/>
                <a:gd name="connsiteY36" fmla="*/ 2063568 h 2163354"/>
                <a:gd name="connsiteX37" fmla="*/ 2509157 w 5820954"/>
                <a:gd name="connsiteY37" fmla="*/ 2106204 h 2163354"/>
                <a:gd name="connsiteX38" fmla="*/ 2393043 w 5820954"/>
                <a:gd name="connsiteY38" fmla="*/ 2103483 h 2163354"/>
                <a:gd name="connsiteX39" fmla="*/ 2305050 w 5820954"/>
                <a:gd name="connsiteY39" fmla="*/ 2143397 h 2163354"/>
                <a:gd name="connsiteX40" fmla="*/ 2169886 w 5820954"/>
                <a:gd name="connsiteY40" fmla="*/ 2102575 h 2163354"/>
                <a:gd name="connsiteX41" fmla="*/ 2012043 w 5820954"/>
                <a:gd name="connsiteY41" fmla="*/ 2117997 h 2163354"/>
                <a:gd name="connsiteX42" fmla="*/ 1894114 w 5820954"/>
                <a:gd name="connsiteY42" fmla="*/ 2061754 h 2163354"/>
                <a:gd name="connsiteX43" fmla="*/ 1785257 w 5820954"/>
                <a:gd name="connsiteY43" fmla="*/ 2112554 h 2163354"/>
                <a:gd name="connsiteX44" fmla="*/ 1654628 w 5820954"/>
                <a:gd name="connsiteY44" fmla="*/ 2107111 h 2163354"/>
                <a:gd name="connsiteX45" fmla="*/ 1520371 w 5820954"/>
                <a:gd name="connsiteY45" fmla="*/ 2154283 h 2163354"/>
                <a:gd name="connsiteX46" fmla="*/ 1348921 w 5820954"/>
                <a:gd name="connsiteY46" fmla="*/ 2080804 h 2163354"/>
                <a:gd name="connsiteX47" fmla="*/ 1245326 w 5820954"/>
                <a:gd name="connsiteY47" fmla="*/ 2129971 h 2163354"/>
                <a:gd name="connsiteX48" fmla="*/ 1127578 w 5820954"/>
                <a:gd name="connsiteY48" fmla="*/ 2074454 h 2163354"/>
                <a:gd name="connsiteX49" fmla="*/ 1030514 w 5820954"/>
                <a:gd name="connsiteY49" fmla="*/ 2136140 h 2163354"/>
                <a:gd name="connsiteX50" fmla="*/ 903514 w 5820954"/>
                <a:gd name="connsiteY50" fmla="*/ 2091690 h 2163354"/>
                <a:gd name="connsiteX51" fmla="*/ 760186 w 5820954"/>
                <a:gd name="connsiteY51" fmla="*/ 2101668 h 2163354"/>
                <a:gd name="connsiteX52" fmla="*/ 678543 w 5820954"/>
                <a:gd name="connsiteY52" fmla="*/ 2068104 h 2163354"/>
                <a:gd name="connsiteX53" fmla="*/ 594178 w 5820954"/>
                <a:gd name="connsiteY53" fmla="*/ 2116183 h 2163354"/>
                <a:gd name="connsiteX54" fmla="*/ 493486 w 5820954"/>
                <a:gd name="connsiteY54" fmla="*/ 2121625 h 2163354"/>
                <a:gd name="connsiteX55" fmla="*/ 434159 w 5820954"/>
                <a:gd name="connsiteY55" fmla="*/ 2089693 h 2163354"/>
                <a:gd name="connsiteX56" fmla="*/ 374831 w 5820954"/>
                <a:gd name="connsiteY56" fmla="*/ 2096588 h 2163354"/>
                <a:gd name="connsiteX57" fmla="*/ 307884 w 5820954"/>
                <a:gd name="connsiteY57" fmla="*/ 2130334 h 2163354"/>
                <a:gd name="connsiteX58" fmla="*/ 103414 w 5820954"/>
                <a:gd name="connsiteY58" fmla="*/ 2087154 h 2163354"/>
                <a:gd name="connsiteX59" fmla="*/ 0 w 5820954"/>
                <a:gd name="connsiteY59" fmla="*/ 2121625 h 2163354"/>
                <a:gd name="connsiteX0" fmla="*/ 0 w 5828574"/>
                <a:gd name="connsiteY0" fmla="*/ 2098765 h 2140494"/>
                <a:gd name="connsiteX1" fmla="*/ 7620 w 5828574"/>
                <a:gd name="connsiteY1" fmla="*/ 0 h 2140494"/>
                <a:gd name="connsiteX2" fmla="*/ 5828574 w 5828574"/>
                <a:gd name="connsiteY2" fmla="*/ 0 h 2140494"/>
                <a:gd name="connsiteX3" fmla="*/ 5813334 w 5828574"/>
                <a:gd name="connsiteY3" fmla="*/ 2108563 h 2140494"/>
                <a:gd name="connsiteX4" fmla="*/ 5684157 w 5828574"/>
                <a:gd name="connsiteY4" fmla="*/ 2032544 h 2140494"/>
                <a:gd name="connsiteX5" fmla="*/ 5606687 w 5828574"/>
                <a:gd name="connsiteY5" fmla="*/ 2140494 h 2140494"/>
                <a:gd name="connsiteX6" fmla="*/ 5463177 w 5828574"/>
                <a:gd name="connsiteY6" fmla="*/ 2049961 h 2140494"/>
                <a:gd name="connsiteX7" fmla="*/ 5316401 w 5828574"/>
                <a:gd name="connsiteY7" fmla="*/ 2100580 h 2140494"/>
                <a:gd name="connsiteX8" fmla="*/ 5154748 w 5828574"/>
                <a:gd name="connsiteY8" fmla="*/ 2041615 h 2140494"/>
                <a:gd name="connsiteX9" fmla="*/ 5030107 w 5828574"/>
                <a:gd name="connsiteY9" fmla="*/ 2074454 h 2140494"/>
                <a:gd name="connsiteX10" fmla="*/ 4915988 w 5828574"/>
                <a:gd name="connsiteY10" fmla="*/ 2108563 h 2140494"/>
                <a:gd name="connsiteX11" fmla="*/ 4841421 w 5828574"/>
                <a:gd name="connsiteY11" fmla="*/ 2018937 h 2140494"/>
                <a:gd name="connsiteX12" fmla="*/ 4779736 w 5828574"/>
                <a:gd name="connsiteY12" fmla="*/ 2091508 h 2140494"/>
                <a:gd name="connsiteX13" fmla="*/ 4644571 w 5828574"/>
                <a:gd name="connsiteY13" fmla="*/ 2040708 h 2140494"/>
                <a:gd name="connsiteX14" fmla="*/ 4555308 w 5828574"/>
                <a:gd name="connsiteY14" fmla="*/ 2079353 h 2140494"/>
                <a:gd name="connsiteX15" fmla="*/ 4405993 w 5828574"/>
                <a:gd name="connsiteY15" fmla="*/ 2043430 h 2140494"/>
                <a:gd name="connsiteX16" fmla="*/ 4316186 w 5828574"/>
                <a:gd name="connsiteY16" fmla="*/ 2096044 h 2140494"/>
                <a:gd name="connsiteX17" fmla="*/ 4209506 w 5828574"/>
                <a:gd name="connsiteY17" fmla="*/ 2048873 h 2140494"/>
                <a:gd name="connsiteX18" fmla="*/ 4099379 w 5828574"/>
                <a:gd name="connsiteY18" fmla="*/ 2028733 h 2140494"/>
                <a:gd name="connsiteX19" fmla="*/ 4054021 w 5828574"/>
                <a:gd name="connsiteY19" fmla="*/ 2090601 h 2140494"/>
                <a:gd name="connsiteX20" fmla="*/ 3844108 w 5828574"/>
                <a:gd name="connsiteY20" fmla="*/ 2026920 h 2140494"/>
                <a:gd name="connsiteX21" fmla="*/ 3780608 w 5828574"/>
                <a:gd name="connsiteY21" fmla="*/ 2085703 h 2140494"/>
                <a:gd name="connsiteX22" fmla="*/ 3651613 w 5828574"/>
                <a:gd name="connsiteY22" fmla="*/ 2046151 h 2140494"/>
                <a:gd name="connsiteX23" fmla="*/ 3552008 w 5828574"/>
                <a:gd name="connsiteY23" fmla="*/ 2096951 h 2140494"/>
                <a:gd name="connsiteX24" fmla="*/ 3401241 w 5828574"/>
                <a:gd name="connsiteY24" fmla="*/ 2061028 h 2140494"/>
                <a:gd name="connsiteX25" fmla="*/ 3315607 w 5828574"/>
                <a:gd name="connsiteY25" fmla="*/ 2083344 h 2140494"/>
                <a:gd name="connsiteX26" fmla="*/ 3164114 w 5828574"/>
                <a:gd name="connsiteY26" fmla="*/ 2011680 h 2140494"/>
                <a:gd name="connsiteX27" fmla="*/ 3163207 w 5828574"/>
                <a:gd name="connsiteY27" fmla="*/ 2089693 h 2140494"/>
                <a:gd name="connsiteX28" fmla="*/ 3125107 w 5828574"/>
                <a:gd name="connsiteY28" fmla="*/ 2057944 h 2140494"/>
                <a:gd name="connsiteX29" fmla="*/ 3070678 w 5828574"/>
                <a:gd name="connsiteY29" fmla="*/ 2050687 h 2140494"/>
                <a:gd name="connsiteX30" fmla="*/ 2982686 w 5828574"/>
                <a:gd name="connsiteY30" fmla="*/ 2132330 h 2140494"/>
                <a:gd name="connsiteX31" fmla="*/ 2877457 w 5828574"/>
                <a:gd name="connsiteY31" fmla="*/ 2064294 h 2140494"/>
                <a:gd name="connsiteX32" fmla="*/ 2830286 w 5828574"/>
                <a:gd name="connsiteY32" fmla="*/ 2040708 h 2140494"/>
                <a:gd name="connsiteX33" fmla="*/ 2801257 w 5828574"/>
                <a:gd name="connsiteY33" fmla="*/ 2098765 h 2140494"/>
                <a:gd name="connsiteX34" fmla="*/ 2699657 w 5828574"/>
                <a:gd name="connsiteY34" fmla="*/ 2098765 h 2140494"/>
                <a:gd name="connsiteX35" fmla="*/ 2625271 w 5828574"/>
                <a:gd name="connsiteY35" fmla="*/ 2072458 h 2140494"/>
                <a:gd name="connsiteX36" fmla="*/ 2554514 w 5828574"/>
                <a:gd name="connsiteY36" fmla="*/ 2040708 h 2140494"/>
                <a:gd name="connsiteX37" fmla="*/ 2509157 w 5828574"/>
                <a:gd name="connsiteY37" fmla="*/ 2083344 h 2140494"/>
                <a:gd name="connsiteX38" fmla="*/ 2393043 w 5828574"/>
                <a:gd name="connsiteY38" fmla="*/ 2080623 h 2140494"/>
                <a:gd name="connsiteX39" fmla="*/ 2305050 w 5828574"/>
                <a:gd name="connsiteY39" fmla="*/ 2120537 h 2140494"/>
                <a:gd name="connsiteX40" fmla="*/ 2169886 w 5828574"/>
                <a:gd name="connsiteY40" fmla="*/ 2079715 h 2140494"/>
                <a:gd name="connsiteX41" fmla="*/ 2012043 w 5828574"/>
                <a:gd name="connsiteY41" fmla="*/ 2095137 h 2140494"/>
                <a:gd name="connsiteX42" fmla="*/ 1894114 w 5828574"/>
                <a:gd name="connsiteY42" fmla="*/ 2038894 h 2140494"/>
                <a:gd name="connsiteX43" fmla="*/ 1785257 w 5828574"/>
                <a:gd name="connsiteY43" fmla="*/ 2089694 h 2140494"/>
                <a:gd name="connsiteX44" fmla="*/ 1654628 w 5828574"/>
                <a:gd name="connsiteY44" fmla="*/ 2084251 h 2140494"/>
                <a:gd name="connsiteX45" fmla="*/ 1520371 w 5828574"/>
                <a:gd name="connsiteY45" fmla="*/ 2131423 h 2140494"/>
                <a:gd name="connsiteX46" fmla="*/ 1348921 w 5828574"/>
                <a:gd name="connsiteY46" fmla="*/ 2057944 h 2140494"/>
                <a:gd name="connsiteX47" fmla="*/ 1245326 w 5828574"/>
                <a:gd name="connsiteY47" fmla="*/ 2107111 h 2140494"/>
                <a:gd name="connsiteX48" fmla="*/ 1127578 w 5828574"/>
                <a:gd name="connsiteY48" fmla="*/ 2051594 h 2140494"/>
                <a:gd name="connsiteX49" fmla="*/ 1030514 w 5828574"/>
                <a:gd name="connsiteY49" fmla="*/ 2113280 h 2140494"/>
                <a:gd name="connsiteX50" fmla="*/ 903514 w 5828574"/>
                <a:gd name="connsiteY50" fmla="*/ 2068830 h 2140494"/>
                <a:gd name="connsiteX51" fmla="*/ 760186 w 5828574"/>
                <a:gd name="connsiteY51" fmla="*/ 2078808 h 2140494"/>
                <a:gd name="connsiteX52" fmla="*/ 678543 w 5828574"/>
                <a:gd name="connsiteY52" fmla="*/ 2045244 h 2140494"/>
                <a:gd name="connsiteX53" fmla="*/ 594178 w 5828574"/>
                <a:gd name="connsiteY53" fmla="*/ 2093323 h 2140494"/>
                <a:gd name="connsiteX54" fmla="*/ 493486 w 5828574"/>
                <a:gd name="connsiteY54" fmla="*/ 2098765 h 2140494"/>
                <a:gd name="connsiteX55" fmla="*/ 434159 w 5828574"/>
                <a:gd name="connsiteY55" fmla="*/ 2066833 h 2140494"/>
                <a:gd name="connsiteX56" fmla="*/ 374831 w 5828574"/>
                <a:gd name="connsiteY56" fmla="*/ 2073728 h 2140494"/>
                <a:gd name="connsiteX57" fmla="*/ 307884 w 5828574"/>
                <a:gd name="connsiteY57" fmla="*/ 2107474 h 2140494"/>
                <a:gd name="connsiteX58" fmla="*/ 103414 w 5828574"/>
                <a:gd name="connsiteY58" fmla="*/ 2064294 h 2140494"/>
                <a:gd name="connsiteX59" fmla="*/ 0 w 5828574"/>
                <a:gd name="connsiteY59" fmla="*/ 2098765 h 21404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  <a:cxn ang="0">
                  <a:pos x="connsiteX50" y="connsiteY50"/>
                </a:cxn>
                <a:cxn ang="0">
                  <a:pos x="connsiteX51" y="connsiteY51"/>
                </a:cxn>
                <a:cxn ang="0">
                  <a:pos x="connsiteX52" y="connsiteY52"/>
                </a:cxn>
                <a:cxn ang="0">
                  <a:pos x="connsiteX53" y="connsiteY53"/>
                </a:cxn>
                <a:cxn ang="0">
                  <a:pos x="connsiteX54" y="connsiteY54"/>
                </a:cxn>
                <a:cxn ang="0">
                  <a:pos x="connsiteX55" y="connsiteY55"/>
                </a:cxn>
                <a:cxn ang="0">
                  <a:pos x="connsiteX56" y="connsiteY56"/>
                </a:cxn>
                <a:cxn ang="0">
                  <a:pos x="connsiteX57" y="connsiteY57"/>
                </a:cxn>
                <a:cxn ang="0">
                  <a:pos x="connsiteX58" y="connsiteY58"/>
                </a:cxn>
                <a:cxn ang="0">
                  <a:pos x="connsiteX59" y="connsiteY59"/>
                </a:cxn>
              </a:cxnLst>
              <a:rect l="l" t="t" r="r" b="b"/>
              <a:pathLst>
                <a:path w="5828574" h="2140494">
                  <a:moveTo>
                    <a:pt x="0" y="2098765"/>
                  </a:moveTo>
                  <a:lnTo>
                    <a:pt x="7620" y="0"/>
                  </a:lnTo>
                  <a:lnTo>
                    <a:pt x="5828574" y="0"/>
                  </a:lnTo>
                  <a:lnTo>
                    <a:pt x="5813334" y="2108563"/>
                  </a:lnTo>
                  <a:lnTo>
                    <a:pt x="5684157" y="2032544"/>
                  </a:lnTo>
                  <a:lnTo>
                    <a:pt x="5606687" y="2140494"/>
                  </a:lnTo>
                  <a:lnTo>
                    <a:pt x="5463177" y="2049961"/>
                  </a:lnTo>
                  <a:lnTo>
                    <a:pt x="5316401" y="2100580"/>
                  </a:lnTo>
                  <a:lnTo>
                    <a:pt x="5154748" y="2041615"/>
                  </a:lnTo>
                  <a:cubicBezTo>
                    <a:pt x="5128441" y="2059758"/>
                    <a:pt x="5056414" y="2056311"/>
                    <a:pt x="5030107" y="2074454"/>
                  </a:cubicBezTo>
                  <a:cubicBezTo>
                    <a:pt x="5045407" y="2093444"/>
                    <a:pt x="5007368" y="2104813"/>
                    <a:pt x="4915988" y="2108563"/>
                  </a:cubicBezTo>
                  <a:lnTo>
                    <a:pt x="4841421" y="2018937"/>
                  </a:lnTo>
                  <a:lnTo>
                    <a:pt x="4779736" y="2091508"/>
                  </a:lnTo>
                  <a:lnTo>
                    <a:pt x="4644571" y="2040708"/>
                  </a:lnTo>
                  <a:lnTo>
                    <a:pt x="4555308" y="2079353"/>
                  </a:lnTo>
                  <a:lnTo>
                    <a:pt x="4405993" y="2043430"/>
                  </a:lnTo>
                  <a:lnTo>
                    <a:pt x="4316186" y="2096044"/>
                  </a:lnTo>
                  <a:lnTo>
                    <a:pt x="4209506" y="2048873"/>
                  </a:lnTo>
                  <a:lnTo>
                    <a:pt x="4099379" y="2028733"/>
                  </a:lnTo>
                  <a:lnTo>
                    <a:pt x="4054021" y="2090601"/>
                  </a:lnTo>
                  <a:lnTo>
                    <a:pt x="3844108" y="2026920"/>
                  </a:lnTo>
                  <a:lnTo>
                    <a:pt x="3780608" y="2085703"/>
                  </a:lnTo>
                  <a:lnTo>
                    <a:pt x="3651613" y="2046151"/>
                  </a:lnTo>
                  <a:lnTo>
                    <a:pt x="3552008" y="2096951"/>
                  </a:lnTo>
                  <a:lnTo>
                    <a:pt x="3401241" y="2061028"/>
                  </a:lnTo>
                  <a:cubicBezTo>
                    <a:pt x="3356186" y="2051957"/>
                    <a:pt x="3360662" y="2092415"/>
                    <a:pt x="3315607" y="2083344"/>
                  </a:cubicBezTo>
                  <a:lnTo>
                    <a:pt x="3164114" y="2011680"/>
                  </a:lnTo>
                  <a:cubicBezTo>
                    <a:pt x="3141889" y="2009563"/>
                    <a:pt x="3169708" y="2081982"/>
                    <a:pt x="3163207" y="2089693"/>
                  </a:cubicBezTo>
                  <a:cubicBezTo>
                    <a:pt x="3156706" y="2097404"/>
                    <a:pt x="3137353" y="2058095"/>
                    <a:pt x="3125107" y="2057944"/>
                  </a:cubicBezTo>
                  <a:lnTo>
                    <a:pt x="3070678" y="2050687"/>
                  </a:lnTo>
                  <a:cubicBezTo>
                    <a:pt x="3049814" y="2060968"/>
                    <a:pt x="3014889" y="2130062"/>
                    <a:pt x="2982686" y="2132330"/>
                  </a:cubicBezTo>
                  <a:cubicBezTo>
                    <a:pt x="2950483" y="2134598"/>
                    <a:pt x="2902857" y="2079564"/>
                    <a:pt x="2877457" y="2064294"/>
                  </a:cubicBezTo>
                  <a:cubicBezTo>
                    <a:pt x="2852057" y="2049024"/>
                    <a:pt x="2839811" y="2030730"/>
                    <a:pt x="2830286" y="2040708"/>
                  </a:cubicBezTo>
                  <a:lnTo>
                    <a:pt x="2801257" y="2098765"/>
                  </a:lnTo>
                  <a:lnTo>
                    <a:pt x="2699657" y="2098765"/>
                  </a:lnTo>
                  <a:lnTo>
                    <a:pt x="2625271" y="2072458"/>
                  </a:lnTo>
                  <a:lnTo>
                    <a:pt x="2554514" y="2040708"/>
                  </a:lnTo>
                  <a:cubicBezTo>
                    <a:pt x="2543628" y="2035870"/>
                    <a:pt x="2520043" y="2088182"/>
                    <a:pt x="2509157" y="2083344"/>
                  </a:cubicBezTo>
                  <a:lnTo>
                    <a:pt x="2393043" y="2080623"/>
                  </a:lnTo>
                  <a:lnTo>
                    <a:pt x="2305050" y="2120537"/>
                  </a:lnTo>
                  <a:lnTo>
                    <a:pt x="2169886" y="2079715"/>
                  </a:lnTo>
                  <a:lnTo>
                    <a:pt x="2012043" y="2095137"/>
                  </a:lnTo>
                  <a:lnTo>
                    <a:pt x="1894114" y="2038894"/>
                  </a:lnTo>
                  <a:lnTo>
                    <a:pt x="1785257" y="2089694"/>
                  </a:lnTo>
                  <a:lnTo>
                    <a:pt x="1654628" y="2084251"/>
                  </a:lnTo>
                  <a:lnTo>
                    <a:pt x="1520371" y="2131423"/>
                  </a:lnTo>
                  <a:lnTo>
                    <a:pt x="1348921" y="2057944"/>
                  </a:lnTo>
                  <a:lnTo>
                    <a:pt x="1245326" y="2107111"/>
                  </a:lnTo>
                  <a:lnTo>
                    <a:pt x="1127578" y="2051594"/>
                  </a:lnTo>
                  <a:lnTo>
                    <a:pt x="1030514" y="2113280"/>
                  </a:lnTo>
                  <a:lnTo>
                    <a:pt x="903514" y="2068830"/>
                  </a:lnTo>
                  <a:lnTo>
                    <a:pt x="760186" y="2078808"/>
                  </a:lnTo>
                  <a:lnTo>
                    <a:pt x="678543" y="2045244"/>
                  </a:lnTo>
                  <a:lnTo>
                    <a:pt x="594178" y="2093323"/>
                  </a:lnTo>
                  <a:lnTo>
                    <a:pt x="493486" y="2098765"/>
                  </a:lnTo>
                  <a:cubicBezTo>
                    <a:pt x="471170" y="2077961"/>
                    <a:pt x="456475" y="2087637"/>
                    <a:pt x="434159" y="2066833"/>
                  </a:cubicBezTo>
                  <a:lnTo>
                    <a:pt x="374831" y="2073728"/>
                  </a:lnTo>
                  <a:cubicBezTo>
                    <a:pt x="355479" y="2068890"/>
                    <a:pt x="353120" y="2109046"/>
                    <a:pt x="307884" y="2107474"/>
                  </a:cubicBezTo>
                  <a:cubicBezTo>
                    <a:pt x="262648" y="2105902"/>
                    <a:pt x="135164" y="2057944"/>
                    <a:pt x="103414" y="2064294"/>
                  </a:cubicBezTo>
                  <a:lnTo>
                    <a:pt x="0" y="2098765"/>
                  </a:lnTo>
                  <a:close/>
                </a:path>
              </a:pathLst>
            </a:custGeom>
            <a:solidFill>
              <a:schemeClr val="bg1"/>
            </a:solidFill>
            <a:ln w="3175">
              <a:solidFill>
                <a:schemeClr val="tx1">
                  <a:lumMod val="50000"/>
                  <a:lumOff val="50000"/>
                </a:schemeClr>
              </a:solidFill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 dirty="0"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</a:endParaRPr>
            </a:p>
          </p:txBody>
        </p:sp>
        <p:sp>
          <p:nvSpPr>
            <p:cNvPr id="17" name="TextBox 16"/>
            <p:cNvSpPr txBox="1"/>
            <p:nvPr/>
          </p:nvSpPr>
          <p:spPr>
            <a:xfrm>
              <a:off x="7146896" y="1031179"/>
              <a:ext cx="732013" cy="261960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en-US" sz="1050" b="1" u="sng" dirty="0">
                  <a:latin typeface="Arial" panose="020B0604020202020204" pitchFamily="34" charset="0"/>
                </a:rPr>
                <a:t>Survey</a:t>
              </a:r>
            </a:p>
          </p:txBody>
        </p:sp>
        <p:sp>
          <p:nvSpPr>
            <p:cNvPr id="6351" name="TextBox 117"/>
            <p:cNvSpPr txBox="1">
              <a:spLocks noChangeArrowheads="1"/>
            </p:cNvSpPr>
            <p:nvPr/>
          </p:nvSpPr>
          <p:spPr bwMode="auto">
            <a:xfrm>
              <a:off x="6615789" y="1214716"/>
              <a:ext cx="1794229" cy="707886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/>
            <a:p>
              <a:r>
                <a:rPr lang="en-US" altLang="en-US" sz="1000">
                  <a:latin typeface="Arial" panose="020B0604020202020204" pitchFamily="34" charset="0"/>
                </a:rPr>
                <a:t>1. </a:t>
              </a:r>
              <a:r>
                <a:rPr lang="en-US" altLang="en-US" sz="1000" b="1">
                  <a:latin typeface="Arial" panose="020B0604020202020204" pitchFamily="34" charset="0"/>
                </a:rPr>
                <a:t>Name</a:t>
              </a:r>
              <a:r>
                <a:rPr lang="en-US" altLang="en-US" sz="1000">
                  <a:latin typeface="Arial" panose="020B0604020202020204" pitchFamily="34" charset="0"/>
                </a:rPr>
                <a:t>:</a:t>
              </a:r>
            </a:p>
            <a:p>
              <a:r>
                <a:rPr lang="en-US" altLang="en-US" sz="1000">
                  <a:latin typeface="Arial" panose="020B0604020202020204" pitchFamily="34" charset="0"/>
                </a:rPr>
                <a:t>2. </a:t>
              </a:r>
              <a:r>
                <a:rPr lang="en-US" altLang="en-US" sz="1000" b="1">
                  <a:latin typeface="Arial" panose="020B0604020202020204" pitchFamily="34" charset="0"/>
                </a:rPr>
                <a:t>Grade</a:t>
              </a:r>
              <a:r>
                <a:rPr lang="en-US" altLang="en-US" sz="1000">
                  <a:latin typeface="Arial" panose="020B0604020202020204" pitchFamily="34" charset="0"/>
                </a:rPr>
                <a:t>:</a:t>
              </a:r>
            </a:p>
            <a:p>
              <a:r>
                <a:rPr lang="en-US" altLang="en-US" sz="1000">
                  <a:latin typeface="Arial" panose="020B0604020202020204" pitchFamily="34" charset="0"/>
                </a:rPr>
                <a:t>3. </a:t>
              </a:r>
              <a:r>
                <a:rPr lang="en-US" altLang="en-US" sz="1000" b="1">
                  <a:latin typeface="Arial" panose="020B0604020202020204" pitchFamily="34" charset="0"/>
                </a:rPr>
                <a:t>Favorite</a:t>
              </a:r>
              <a:r>
                <a:rPr lang="en-US" altLang="en-US" sz="1000">
                  <a:latin typeface="Arial" panose="020B0604020202020204" pitchFamily="34" charset="0"/>
                </a:rPr>
                <a:t> </a:t>
              </a:r>
              <a:r>
                <a:rPr lang="en-US" altLang="en-US" sz="1000" b="1">
                  <a:latin typeface="Arial" panose="020B0604020202020204" pitchFamily="34" charset="0"/>
                </a:rPr>
                <a:t>Subject</a:t>
              </a:r>
              <a:r>
                <a:rPr lang="en-US" altLang="en-US" sz="1000">
                  <a:latin typeface="Arial" panose="020B0604020202020204" pitchFamily="34" charset="0"/>
                </a:rPr>
                <a:t>:</a:t>
              </a:r>
            </a:p>
            <a:p>
              <a:r>
                <a:rPr lang="en-US" altLang="en-US" sz="1000">
                  <a:latin typeface="Arial" panose="020B0604020202020204" pitchFamily="34" charset="0"/>
                </a:rPr>
                <a:t>4. </a:t>
              </a:r>
              <a:r>
                <a:rPr lang="en-US" altLang="en-US" sz="1000" b="1">
                  <a:latin typeface="Arial" panose="020B0604020202020204" pitchFamily="34" charset="0"/>
                </a:rPr>
                <a:t>Favorite</a:t>
              </a:r>
              <a:r>
                <a:rPr lang="en-US" altLang="en-US" sz="1000">
                  <a:latin typeface="Arial" panose="020B0604020202020204" pitchFamily="34" charset="0"/>
                </a:rPr>
                <a:t> </a:t>
              </a:r>
              <a:r>
                <a:rPr lang="en-US" altLang="en-US" sz="1000" b="1">
                  <a:latin typeface="Arial" panose="020B0604020202020204" pitchFamily="34" charset="0"/>
                </a:rPr>
                <a:t>Sport</a:t>
              </a:r>
              <a:r>
                <a:rPr lang="en-US" altLang="en-US" sz="1000">
                  <a:latin typeface="Arial" panose="020B0604020202020204" pitchFamily="34" charset="0"/>
                </a:rPr>
                <a:t>:</a:t>
              </a:r>
            </a:p>
          </p:txBody>
        </p:sp>
      </p:grpSp>
      <p:graphicFrame>
        <p:nvGraphicFramePr>
          <p:cNvPr id="119" name="Table 11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030286383"/>
              </p:ext>
            </p:extLst>
          </p:nvPr>
        </p:nvGraphicFramePr>
        <p:xfrm>
          <a:off x="242888" y="4068763"/>
          <a:ext cx="4040188" cy="1719264"/>
        </p:xfrm>
        <a:graphic>
          <a:graphicData uri="http://schemas.openxmlformats.org/drawingml/2006/table">
            <a:tbl>
              <a:tblPr firstRow="1" firstCol="1" bandRow="1"/>
              <a:tblGrid>
                <a:gridCol w="61869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835934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905917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839820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839820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286544">
                <a:tc>
                  <a:txBody>
                    <a:bodyPr/>
                    <a:lstStyle/>
                    <a:p>
                      <a:pPr marL="0" marR="0" algn="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36579" marB="36579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Math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Science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English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  <a:r>
                        <a:rPr lang="en-US" sz="14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4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9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  <a:r>
                        <a:rPr lang="en-US" sz="14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4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20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1</a:t>
                      </a:r>
                      <a:r>
                        <a:rPr lang="en-US" sz="14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3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7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32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  <a:r>
                        <a:rPr lang="en-US" sz="14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5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8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29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39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32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29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b="1" dirty="0">
                          <a:solidFill>
                            <a:schemeClr val="accent3">
                              <a:lumMod val="50000"/>
                            </a:schemeClr>
                          </a:solidFill>
                          <a:effectLst/>
                          <a:latin typeface="Gill Sans MT" pitchFamily="34" charset="0"/>
                          <a:ea typeface="Times New Roman"/>
                        </a:rPr>
                        <a:t>100</a:t>
                      </a:r>
                    </a:p>
                  </a:txBody>
                  <a:tcPr marL="36582" marR="36582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</a:tbl>
          </a:graphicData>
        </a:graphic>
      </p:graphicFrame>
      <p:sp>
        <p:nvSpPr>
          <p:cNvPr id="120" name="TextBox 119"/>
          <p:cNvSpPr txBox="1">
            <a:spLocks noChangeArrowheads="1"/>
          </p:cNvSpPr>
          <p:nvPr/>
        </p:nvSpPr>
        <p:spPr bwMode="auto">
          <a:xfrm>
            <a:off x="158750" y="5910263"/>
            <a:ext cx="4206875" cy="5222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/>
            <a:r>
              <a:rPr lang="en-US" altLang="en-US" sz="1400">
                <a:latin typeface="Gill Sans MT" panose="020B0502020104020203" pitchFamily="34" charset="0"/>
              </a:rPr>
              <a:t>The raw data is converted to a two-way table comparing </a:t>
            </a:r>
            <a:r>
              <a:rPr lang="en-US" altLang="en-US" sz="1400" b="1">
                <a:latin typeface="Gill Sans MT" panose="020B0502020104020203" pitchFamily="34" charset="0"/>
              </a:rPr>
              <a:t>two different categories</a:t>
            </a:r>
            <a:r>
              <a:rPr lang="en-US" altLang="en-US" sz="1400">
                <a:latin typeface="Gill Sans MT" panose="020B0502020104020203" pitchFamily="34" charset="0"/>
              </a:rPr>
              <a:t>.</a:t>
            </a:r>
          </a:p>
        </p:txBody>
      </p:sp>
      <p:grpSp>
        <p:nvGrpSpPr>
          <p:cNvPr id="26" name="Group 25"/>
          <p:cNvGrpSpPr>
            <a:grpSpLocks/>
          </p:cNvGrpSpPr>
          <p:nvPr/>
        </p:nvGrpSpPr>
        <p:grpSpPr bwMode="auto">
          <a:xfrm>
            <a:off x="6351588" y="3832225"/>
            <a:ext cx="1512887" cy="1719263"/>
            <a:chOff x="6297116" y="4108958"/>
            <a:chExt cx="1511778" cy="1719278"/>
          </a:xfrm>
        </p:grpSpPr>
        <p:pic>
          <p:nvPicPr>
            <p:cNvPr id="137" name="Picture 10" descr="C:\Users\Stephen\Downloads\13.png"/>
            <p:cNvPicPr>
              <a:picLocks noChangeAspect="1" noChangeArrowheads="1"/>
            </p:cNvPicPr>
            <p:nvPr/>
          </p:nvPicPr>
          <p:blipFill>
            <a:blip r:embed="rId24">
              <a:grayscl/>
              <a:biLevel thresh="50000"/>
            </a:blip>
            <a:srcRect/>
            <a:stretch>
              <a:fillRect/>
            </a:stretch>
          </p:blipFill>
          <p:spPr bwMode="auto">
            <a:xfrm>
              <a:off x="6297116" y="4108958"/>
              <a:ext cx="1511778" cy="1719278"/>
            </a:xfrm>
            <a:prstGeom prst="rect">
              <a:avLst/>
            </a:prstGeom>
            <a:noFill/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25" name="TextBox 24"/>
            <p:cNvSpPr txBox="1"/>
            <p:nvPr/>
          </p:nvSpPr>
          <p:spPr>
            <a:xfrm>
              <a:off x="6863438" y="4108958"/>
              <a:ext cx="377548" cy="1323987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en-US" sz="8000" b="1" dirty="0">
                  <a:solidFill>
                    <a:schemeClr val="accent6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?</a:t>
              </a:r>
            </a:p>
          </p:txBody>
        </p:sp>
      </p:grpSp>
      <p:sp>
        <p:nvSpPr>
          <p:cNvPr id="142" name="Text Box 347"/>
          <p:cNvSpPr txBox="1">
            <a:spLocks noChangeArrowheads="1"/>
          </p:cNvSpPr>
          <p:nvPr/>
        </p:nvSpPr>
        <p:spPr bwMode="auto">
          <a:xfrm>
            <a:off x="0" y="944563"/>
            <a:ext cx="3224213" cy="369887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1pPr>
            <a:lvl2pPr marL="742950" indent="-285750"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2pPr>
            <a:lvl3pPr marL="1143000" indent="-228600"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3pPr>
            <a:lvl4pPr marL="1600200" indent="-228600"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4pPr>
            <a:lvl5pPr marL="2057400" indent="-228600"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chemeClr val="tx1"/>
                </a:solidFill>
                <a:latin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chemeClr val="tx1"/>
                </a:solidFill>
                <a:latin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chemeClr val="tx1"/>
                </a:solidFill>
                <a:latin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chemeClr val="tx1"/>
                </a:solidFill>
                <a:latin typeface="Arial" pitchFamily="34" charset="0"/>
              </a:defRPr>
            </a:lvl9pPr>
          </a:lstStyle>
          <a:p>
            <a:pPr defTabSz="91440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kern="0" dirty="0">
                <a:solidFill>
                  <a:srgbClr val="000000"/>
                </a:solidFill>
              </a:rPr>
              <a:t>Two-Way Frequency Tables</a:t>
            </a:r>
          </a:p>
        </p:txBody>
      </p:sp>
      <p:sp>
        <p:nvSpPr>
          <p:cNvPr id="143" name="TextBox 142"/>
          <p:cNvSpPr txBox="1">
            <a:spLocks noChangeArrowheads="1"/>
          </p:cNvSpPr>
          <p:nvPr/>
        </p:nvSpPr>
        <p:spPr bwMode="auto">
          <a:xfrm>
            <a:off x="4754563" y="5948363"/>
            <a:ext cx="4389437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/>
            <a:r>
              <a:rPr lang="en-US" altLang="en-US" sz="1400" dirty="0">
                <a:latin typeface="Gill Sans MT" panose="020B0502020104020203" pitchFamily="34" charset="0"/>
              </a:rPr>
              <a:t>If a student from the high school is selected at random, what is the probability he or she will favor English?</a:t>
            </a:r>
          </a:p>
        </p:txBody>
      </p:sp>
      <p:grpSp>
        <p:nvGrpSpPr>
          <p:cNvPr id="94" name="Group 93"/>
          <p:cNvGrpSpPr>
            <a:grpSpLocks/>
          </p:cNvGrpSpPr>
          <p:nvPr/>
        </p:nvGrpSpPr>
        <p:grpSpPr bwMode="auto">
          <a:xfrm>
            <a:off x="2254250" y="2392363"/>
            <a:ext cx="438150" cy="520700"/>
            <a:chOff x="4754878" y="4119181"/>
            <a:chExt cx="437907" cy="520172"/>
          </a:xfrm>
        </p:grpSpPr>
        <p:pic>
          <p:nvPicPr>
            <p:cNvPr id="140" name="Picture 10" descr="C:\Users\Stephen\Downloads\13.png"/>
            <p:cNvPicPr>
              <a:picLocks noChangeAspect="1" noChangeArrowheads="1"/>
            </p:cNvPicPr>
            <p:nvPr/>
          </p:nvPicPr>
          <p:blipFill>
            <a:blip r:embed="rId23">
              <a:grayscl/>
              <a:biLevel thresh="50000"/>
            </a:blip>
            <a:srcRect/>
            <a:stretch>
              <a:fillRect/>
            </a:stretch>
          </p:blipFill>
          <p:spPr bwMode="auto">
            <a:xfrm>
              <a:off x="4754878" y="4141383"/>
              <a:ext cx="437907" cy="497970"/>
            </a:xfrm>
            <a:prstGeom prst="rect">
              <a:avLst/>
            </a:prstGeom>
            <a:noFill/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46" name="TextBox 145"/>
            <p:cNvSpPr txBox="1"/>
            <p:nvPr/>
          </p:nvSpPr>
          <p:spPr>
            <a:xfrm>
              <a:off x="4785024" y="4119181"/>
              <a:ext cx="377615" cy="399644"/>
            </a:xfrm>
            <a:prstGeom prst="rect">
              <a:avLst/>
            </a:prstGeom>
            <a:noFill/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en-US" sz="2000" b="1" dirty="0">
                  <a:solidFill>
                    <a:schemeClr val="accent6">
                      <a:lumMod val="75000"/>
                    </a:schemeClr>
                  </a:solidFill>
                  <a:latin typeface="Times New Roman" panose="02020603050405020304" pitchFamily="18" charset="0"/>
                  <a:cs typeface="Times New Roman" panose="02020603050405020304" pitchFamily="18" charset="0"/>
                </a:rPr>
                <a:t>?</a:t>
              </a:r>
            </a:p>
          </p:txBody>
        </p:sp>
      </p:grpSp>
      <p:sp>
        <p:nvSpPr>
          <p:cNvPr id="149" name="Rectangle 148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5969289" y="5473183"/>
            <a:ext cx="2332818" cy="497059"/>
          </a:xfrm>
          <a:prstGeom prst="rect">
            <a:avLst/>
          </a:prstGeom>
          <a:blipFill rotWithShape="1">
            <a:blip r:embed="rId25"/>
            <a:stretch>
              <a:fillRect b="-1235"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grpSp>
        <p:nvGrpSpPr>
          <p:cNvPr id="6342" name="Group 1"/>
          <p:cNvGrpSpPr>
            <a:grpSpLocks/>
          </p:cNvGrpSpPr>
          <p:nvPr/>
        </p:nvGrpSpPr>
        <p:grpSpPr bwMode="auto">
          <a:xfrm>
            <a:off x="6754813" y="293688"/>
            <a:ext cx="2197100" cy="666750"/>
            <a:chOff x="6750050" y="1057275"/>
            <a:chExt cx="2197100" cy="666605"/>
          </a:xfrm>
        </p:grpSpPr>
        <p:sp>
          <p:nvSpPr>
            <p:cNvPr id="117" name="Rectangle 116"/>
            <p:cNvSpPr/>
            <p:nvPr/>
          </p:nvSpPr>
          <p:spPr bwMode="auto">
            <a:xfrm>
              <a:off x="6750050" y="1065210"/>
              <a:ext cx="2190750" cy="658670"/>
            </a:xfrm>
            <a:prstGeom prst="rect">
              <a:avLst/>
            </a:prstGeom>
            <a:gradFill flip="none" rotWithShape="1">
              <a:gsLst>
                <a:gs pos="0">
                  <a:srgbClr val="C0ECFC"/>
                </a:gs>
                <a:gs pos="32000">
                  <a:srgbClr val="F7FDFF"/>
                </a:gs>
                <a:gs pos="100000">
                  <a:srgbClr val="FFFFFF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tIns="301752" rIns="45720">
              <a:spAutoFit/>
            </a:bodyPr>
            <a:lstStyle/>
            <a:p>
              <a:pPr defTabSz="914400"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  <a:cs typeface="Arial" charset="0"/>
                </a:rPr>
                <a:t>Explain where the data in a two-way table comes from.</a:t>
              </a: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</p:txBody>
        </p:sp>
        <p:sp>
          <p:nvSpPr>
            <p:cNvPr id="122" name="Rectangle 121"/>
            <p:cNvSpPr/>
            <p:nvPr/>
          </p:nvSpPr>
          <p:spPr bwMode="auto">
            <a:xfrm>
              <a:off x="6756400" y="1057275"/>
              <a:ext cx="2190750" cy="220614"/>
            </a:xfrm>
            <a:prstGeom prst="rect">
              <a:avLst/>
            </a:prstGeom>
            <a:solidFill>
              <a:srgbClr val="FF9800"/>
            </a:solidFill>
            <a:ln w="3175">
              <a:noFill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1000" b="1" dirty="0">
                  <a:solidFill>
                    <a:prstClr val="white"/>
                  </a:solidFill>
                  <a:latin typeface="Gill Sans MT" pitchFamily="34" charset="0"/>
                </a:rPr>
                <a:t>CFU</a:t>
              </a:r>
            </a:p>
          </p:txBody>
        </p:sp>
      </p:grpSp>
    </p:spTree>
    <p:custDataLst>
      <p:tags r:id="rId1"/>
    </p:custDataLst>
  </p:cSld>
  <p:clrMapOvr>
    <a:masterClrMapping/>
  </p:clrMapOvr>
  <p:transition spd="slow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" dur="500"/>
                                        <p:tgtEl>
                                          <p:spTgt spid="7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" dur="500"/>
                                        <p:tgtEl>
                                          <p:spTgt spid="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7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" dur="500"/>
                                        <p:tgtEl>
                                          <p:spTgt spid="8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" dur="500"/>
                                        <p:tgtEl>
                                          <p:spTgt spid="8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9" dur="500"/>
                                        <p:tgtEl>
                                          <p:spTgt spid="8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8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8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8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4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1" dur="500"/>
                                        <p:tgtEl>
                                          <p:spTgt spid="8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4" dur="500"/>
                                        <p:tgtEl>
                                          <p:spTgt spid="8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8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5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0" dur="500"/>
                                        <p:tgtEl>
                                          <p:spTgt spid="9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6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6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9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2" dur="500"/>
                                        <p:tgtEl>
                                          <p:spTgt spid="10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5" dur="500"/>
                                        <p:tgtEl>
                                          <p:spTgt spid="10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10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1" dur="500"/>
                                        <p:tgtEl>
                                          <p:spTgt spid="10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4" dur="500"/>
                                        <p:tgtEl>
                                          <p:spTgt spid="10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7" dur="500"/>
                                        <p:tgtEl>
                                          <p:spTgt spid="10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0" dur="500"/>
                                        <p:tgtEl>
                                          <p:spTgt spid="10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3" dur="500"/>
                                        <p:tgtEl>
                                          <p:spTgt spid="10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6" dur="500"/>
                                        <p:tgtEl>
                                          <p:spTgt spid="10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9" dur="500"/>
                                        <p:tgtEl>
                                          <p:spTgt spid="10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2" dur="500"/>
                                        <p:tgtEl>
                                          <p:spTgt spid="10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5" dur="500"/>
                                        <p:tgtEl>
                                          <p:spTgt spid="10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8" dur="500"/>
                                        <p:tgtEl>
                                          <p:spTgt spid="10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1" dur="500"/>
                                        <p:tgtEl>
                                          <p:spTgt spid="10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4" dur="500"/>
                                        <p:tgtEl>
                                          <p:spTgt spid="10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7" dur="500"/>
                                        <p:tgtEl>
                                          <p:spTgt spid="10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0" dur="500"/>
                                        <p:tgtEl>
                                          <p:spTgt spid="10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3" dur="500"/>
                                        <p:tgtEl>
                                          <p:spTgt spid="10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6" dur="500"/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9" dur="500"/>
                                        <p:tgtEl>
                                          <p:spTgt spid="10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2" dur="500"/>
                                        <p:tgtEl>
                                          <p:spTgt spid="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5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8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1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4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0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3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6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5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9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2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5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8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6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1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4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7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0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3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6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89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2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5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8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1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4" dur="500"/>
                                        <p:tgtEl>
                                          <p:spTgt spid="4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7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0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3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6" dur="500"/>
                                        <p:tgtEl>
                                          <p:spTgt spid="9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19" dur="50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3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5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8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2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1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4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37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0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3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6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4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49" dur="500"/>
                                        <p:tgtEl>
                                          <p:spTgt spid="6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5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2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3" fill="hold" nodeType="clickPar">
                      <p:stCondLst>
                        <p:cond delay="indefinite"/>
                      </p:stCondLst>
                      <p:childTnLst>
                        <p:par>
                          <p:cTn id="25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7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8" fill="hold" nodeType="clickPar">
                      <p:stCondLst>
                        <p:cond delay="indefinite"/>
                      </p:stCondLst>
                      <p:childTnLst>
                        <p:par>
                          <p:cTn id="25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60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2.5E-6 0 L 0.49601 -0.10046 " pathEditMode="relative" rAng="0" ptsTypes="AA">
                                      <p:cBhvr>
                                        <p:cTn id="261" dur="1400" fill="hold"/>
                                        <p:tgtEl>
                                          <p:spTgt spid="104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792" y="-5023"/>
                                    </p:animMotion>
                                  </p:childTnLst>
                                </p:cTn>
                              </p:par>
                              <p:par>
                                <p:cTn id="262" presetID="42" presetClass="path" presetSubtype="0" accel="50000" decel="50000" fill="hold" nodeType="withEffect">
                                  <p:stCondLst>
                                    <p:cond delay="300"/>
                                  </p:stCondLst>
                                  <p:childTnLst>
                                    <p:animMotion origin="layout" path="M -0.00104 -0.00139 L 0.28819 -0.1118 " pathEditMode="relative" rAng="0" ptsTypes="AA">
                                      <p:cBhvr>
                                        <p:cTn id="263" dur="1500" fill="hold"/>
                                        <p:tgtEl>
                                          <p:spTgt spid="8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4462" y="-5532"/>
                                    </p:animMotion>
                                  </p:childTnLst>
                                </p:cTn>
                              </p:par>
                              <p:par>
                                <p:cTn id="264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1.66667E-6 3.33333E-6 L 0.48715 -0.11158 " pathEditMode="relative" rAng="0" ptsTypes="AA">
                                      <p:cBhvr>
                                        <p:cTn id="265" dur="1700" fill="hold"/>
                                        <p:tgtEl>
                                          <p:spTgt spid="103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358" y="-5579"/>
                                    </p:animMotion>
                                  </p:childTnLst>
                                </p:cTn>
                              </p:par>
                              <p:par>
                                <p:cTn id="266" presetID="42" presetClass="path" presetSubtype="0" accel="50000" decel="50000" fill="hold" nodeType="withEffect">
                                  <p:stCondLst>
                                    <p:cond delay="500"/>
                                  </p:stCondLst>
                                  <p:childTnLst>
                                    <p:animMotion origin="layout" path="M 1.11111E-6 -2.96296E-6 L 0.27917 -0.11759 " pathEditMode="relative" rAng="0" ptsTypes="AA">
                                      <p:cBhvr>
                                        <p:cTn id="267" dur="17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3958" y="-5880"/>
                                    </p:animMotion>
                                  </p:childTnLst>
                                </p:cTn>
                              </p:par>
                              <p:par>
                                <p:cTn id="268" presetID="42" presetClass="path" presetSubtype="0" accel="50000" decel="50000" fill="hold" nodeType="withEffect">
                                  <p:stCondLst>
                                    <p:cond delay="400"/>
                                  </p:stCondLst>
                                  <p:childTnLst>
                                    <p:animMotion origin="layout" path="M 1.38889E-6 -4.07407E-6 L 0.49618 -0.1125 " pathEditMode="relative" rAng="0" ptsTypes="AA">
                                      <p:cBhvr>
                                        <p:cTn id="269" dur="1700" fill="hold"/>
                                        <p:tgtEl>
                                          <p:spTgt spid="10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809" y="-5625"/>
                                    </p:animMotion>
                                  </p:childTnLst>
                                </p:cTn>
                              </p:par>
                              <p:par>
                                <p:cTn id="270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0191 -0.00116 L 0.27934 -0.09884 " pathEditMode="relative" rAng="0" ptsTypes="AA">
                                      <p:cBhvr>
                                        <p:cTn id="271" dur="20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4063" y="-4884"/>
                                    </p:animMotion>
                                  </p:childTnLst>
                                </p:cTn>
                              </p:par>
                              <p:par>
                                <p:cTn id="272" presetID="42" presetClass="path" presetSubtype="0" accel="50000" decel="50000" fill="hold" nodeType="withEffect">
                                  <p:stCondLst>
                                    <p:cond delay="800"/>
                                  </p:stCondLst>
                                  <p:childTnLst>
                                    <p:animMotion origin="layout" path="M -3.61111E-6 4.07407E-6 L 0.26198 -0.23496 " pathEditMode="relative" rAng="0" ptsTypes="AA">
                                      <p:cBhvr>
                                        <p:cTn id="273" dur="14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13090" y="-11759"/>
                                    </p:animMotion>
                                  </p:childTnLst>
                                </p:cTn>
                              </p:par>
                              <p:par>
                                <p:cTn id="274" presetID="42" presetClass="path" presetSubtype="0" accel="50000" decel="50000" fill="hold" nodeType="withEffect">
                                  <p:stCondLst>
                                    <p:cond delay="200"/>
                                  </p:stCondLst>
                                  <p:childTnLst>
                                    <p:animMotion origin="layout" path="M -2.77778E-6 1.85185E-6 L 0.5066 -0.23889 " pathEditMode="relative" rAng="0" ptsTypes="AA">
                                      <p:cBhvr>
                                        <p:cTn id="275" dur="2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5330" y="-11944"/>
                                    </p:animMotion>
                                  </p:childTnLst>
                                </p:cTn>
                              </p:par>
                              <p:par>
                                <p:cTn id="276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4.16667E-6 3.33333E-6 L 0.52274 -0.23449 " pathEditMode="relative" rAng="0" ptsTypes="AA">
                                      <p:cBhvr>
                                        <p:cTn id="277" dur="15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6128" y="-11736"/>
                                    </p:animMotion>
                                  </p:childTnLst>
                                </p:cTn>
                              </p:par>
                              <p:par>
                                <p:cTn id="278" presetID="42" presetClass="path" presetSubtype="0" accel="50000" decel="50000" fill="hold" nodeType="withEffect">
                                  <p:stCondLst>
                                    <p:cond delay="300"/>
                                  </p:stCondLst>
                                  <p:childTnLst>
                                    <p:animMotion origin="layout" path="M 0.00018 0.00255 L 0.48577 -0.10324 " pathEditMode="relative" rAng="0" ptsTypes="AA">
                                      <p:cBhvr>
                                        <p:cTn id="279" dur="1700" fill="hold"/>
                                        <p:tgtEl>
                                          <p:spTgt spid="103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4271" y="-5301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0" fill="hold" nodeType="clickPar">
                      <p:stCondLst>
                        <p:cond delay="indefinite"/>
                      </p:stCondLst>
                      <p:childTnLst>
                        <p:par>
                          <p:cTn id="28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8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4" dur="500"/>
                                        <p:tgtEl>
                                          <p:spTgt spid="1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  <p:par>
                          <p:cTn id="285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286" presetID="10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88" dur="500"/>
                                        <p:tgtEl>
                                          <p:spTgt spid="12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89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2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4" dur="500"/>
                                        <p:tgtEl>
                                          <p:spTgt spid="1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5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97" dur="500"/>
                                        <p:tgtEl>
                                          <p:spTgt spid="1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9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0" dur="500"/>
                                        <p:tgtEl>
                                          <p:spTgt spid="1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3" dur="500"/>
                                        <p:tgtEl>
                                          <p:spTgt spid="13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6" dur="500"/>
                                        <p:tgtEl>
                                          <p:spTgt spid="1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0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9" dur="500"/>
                                        <p:tgtEl>
                                          <p:spTgt spid="1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10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1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3" fill="hold" nodeType="clickPar">
                      <p:stCondLst>
                        <p:cond delay="indefinite"/>
                      </p:stCondLst>
                      <p:childTnLst>
                        <p:par>
                          <p:cTn id="3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15" presetID="42" presetClass="path" presetSubtype="0" accel="50000" decel="5000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49601 -0.10046 L 0.00382 -0.00023 " pathEditMode="relative" rAng="0" ptsTypes="AA">
                                      <p:cBhvr>
                                        <p:cTn id="316" dur="2000" fill="hold"/>
                                        <p:tgtEl>
                                          <p:spTgt spid="104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4618" y="5000"/>
                                    </p:animMotion>
                                  </p:childTnLst>
                                </p:cTn>
                              </p:par>
                              <p:par>
                                <p:cTn id="317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26198 -0.23496 L 0.0007 -0.00047 " pathEditMode="relative" rAng="0" ptsTypes="AA">
                                      <p:cBhvr>
                                        <p:cTn id="318" dur="2000" fill="hold"/>
                                        <p:tgtEl>
                                          <p:spTgt spid="7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3073" y="11713"/>
                                    </p:animMotion>
                                  </p:childTnLst>
                                </p:cTn>
                              </p:par>
                              <p:par>
                                <p:cTn id="319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5066 -0.23889 L 0.00018 -0.00116 " pathEditMode="relative" rAng="0" ptsTypes="AA">
                                      <p:cBhvr>
                                        <p:cTn id="320" dur="2000" fill="hold"/>
                                        <p:tgtEl>
                                          <p:spTgt spid="4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5330" y="11875"/>
                                    </p:animMotion>
                                  </p:childTnLst>
                                </p:cTn>
                              </p:par>
                              <p:par>
                                <p:cTn id="321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52275 -0.23449 L 0.00521 -0.00324 " pathEditMode="relative" rAng="0" ptsTypes="AA">
                                      <p:cBhvr>
                                        <p:cTn id="322" dur="2000" fill="hold"/>
                                        <p:tgtEl>
                                          <p:spTgt spid="43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5885" y="11551"/>
                                    </p:animMotion>
                                  </p:childTnLst>
                                </p:cTn>
                              </p:par>
                              <p:par>
                                <p:cTn id="323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48576 -0.10324 L 0.00277 0.0044 " pathEditMode="relative" rAng="0" ptsTypes="AA">
                                      <p:cBhvr>
                                        <p:cTn id="324" dur="2000" fill="hold"/>
                                        <p:tgtEl>
                                          <p:spTgt spid="103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4149" y="5370"/>
                                    </p:animMotion>
                                  </p:childTnLst>
                                </p:cTn>
                              </p:par>
                              <p:par>
                                <p:cTn id="325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49618 -0.1125 L -0.00122 -0.00162 " pathEditMode="relative" rAng="0" ptsTypes="AA">
                                      <p:cBhvr>
                                        <p:cTn id="326" dur="2000" fill="hold"/>
                                        <p:tgtEl>
                                          <p:spTgt spid="10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4878" y="5532"/>
                                    </p:animMotion>
                                  </p:childTnLst>
                                </p:cTn>
                              </p:par>
                              <p:par>
                                <p:cTn id="327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27917 -0.11759 L 0.00139 -0.00046 " pathEditMode="relative" rAng="0" ptsTypes="AA">
                                      <p:cBhvr>
                                        <p:cTn id="328" dur="2000" fill="hold"/>
                                        <p:tgtEl>
                                          <p:spTgt spid="7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3889" y="5856"/>
                                    </p:animMotion>
                                  </p:childTnLst>
                                </p:cTn>
                              </p:par>
                              <p:par>
                                <p:cTn id="329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27935 -0.09885 L 0.00521 -0.0044 " pathEditMode="relative" rAng="0" ptsTypes="AA">
                                      <p:cBhvr>
                                        <p:cTn id="330" dur="2000" fill="hold"/>
                                        <p:tgtEl>
                                          <p:spTgt spid="86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3715" y="4722"/>
                                    </p:animMotion>
                                  </p:childTnLst>
                                </p:cTn>
                              </p:par>
                              <p:par>
                                <p:cTn id="331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28819 -0.1118 L 0.00017 -0.00185 " pathEditMode="relative" rAng="0" ptsTypes="AA">
                                      <p:cBhvr>
                                        <p:cTn id="332" dur="2000" fill="hold"/>
                                        <p:tgtEl>
                                          <p:spTgt spid="8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14410" y="5486"/>
                                    </p:animMotion>
                                  </p:childTnLst>
                                </p:cTn>
                              </p:par>
                              <p:par>
                                <p:cTn id="333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48715 -0.11158 L -1.66667E-6 0.00023 " pathEditMode="relative" rAng="0" ptsTypes="AA">
                                      <p:cBhvr>
                                        <p:cTn id="334" dur="2000" fill="hold"/>
                                        <p:tgtEl>
                                          <p:spTgt spid="1030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4358" y="5579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5" fill="hold" nodeType="clickPar">
                      <p:stCondLst>
                        <p:cond delay="indefinite"/>
                      </p:stCondLst>
                      <p:childTnLst>
                        <p:par>
                          <p:cTn id="33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3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39" dur="500"/>
                                        <p:tgtEl>
                                          <p:spTgt spid="12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0" fill="hold" nodeType="clickPar">
                      <p:stCondLst>
                        <p:cond delay="indefinite"/>
                      </p:stCondLst>
                      <p:childTnLst>
                        <p:par>
                          <p:cTn id="34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4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4" dur="500"/>
                                        <p:tgtEl>
                                          <p:spTgt spid="11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5" fill="hold" nodeType="clickPar">
                      <p:stCondLst>
                        <p:cond delay="indefinite"/>
                      </p:stCondLst>
                      <p:childTnLst>
                        <p:par>
                          <p:cTn id="34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4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49" dur="500"/>
                                        <p:tgtEl>
                                          <p:spTgt spid="1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0" fill="hold" nodeType="clickPar">
                      <p:stCondLst>
                        <p:cond delay="indefinite"/>
                      </p:stCondLst>
                      <p:childTnLst>
                        <p:par>
                          <p:cTn id="35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5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4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55" presetID="42" presetClass="path" presetSubtype="0" accel="50000" decel="50000" fill="hold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3.88889E-6 4.44444E-6 L 0.50329 0.2905 " pathEditMode="relative" rAng="0" ptsTypes="AA">
                                      <p:cBhvr>
                                        <p:cTn id="356" dur="2000" fill="hold"/>
                                        <p:tgtEl>
                                          <p:spTgt spid="94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5156" y="14514"/>
                                    </p:animMotion>
                                  </p:childTnLst>
                                </p:cTn>
                              </p:par>
                              <p:par>
                                <p:cTn id="357" presetID="6" presetClass="emph" presetSubtype="0" fill="hold" nodeType="withEffect">
                                  <p:stCondLst>
                                    <p:cond delay="600"/>
                                  </p:stCondLst>
                                  <p:childTnLst>
                                    <p:animScale>
                                      <p:cBhvr>
                                        <p:cTn id="358" dur="1500" fill="hold"/>
                                        <p:tgtEl>
                                          <p:spTgt spid="94"/>
                                        </p:tgtEl>
                                      </p:cBhvr>
                                      <p:by x="329000" y="329000"/>
                                    </p:animScale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sameClick" afterEffect="1">
                                          <p:stCondLst>
                                            <p:cond evt="end" delay="0">
                                              <p:tn val="357"/>
                                            </p:cond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359" fill="hold" nodeType="afterGroup">
                            <p:stCondLst>
                              <p:cond delay="2100"/>
                            </p:stCondLst>
                            <p:childTnLst>
                              <p:par>
                                <p:cTn id="360" presetID="1" presetClass="entr" presetSubtype="0" fill="hold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2" fill="hold" nodeType="clickPar">
                      <p:stCondLst>
                        <p:cond delay="indefinite"/>
                      </p:stCondLst>
                      <p:childTnLst>
                        <p:par>
                          <p:cTn id="363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64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66" dur="500"/>
                                        <p:tgtEl>
                                          <p:spTgt spid="1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4" grpId="0"/>
      <p:bldP spid="15" grpId="0"/>
      <p:bldP spid="115" grpId="0"/>
      <p:bldP spid="120" grpId="0"/>
      <p:bldP spid="143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0" name="Table 29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124841367"/>
              </p:ext>
            </p:extLst>
          </p:nvPr>
        </p:nvGraphicFramePr>
        <p:xfrm>
          <a:off x="80963" y="4833938"/>
          <a:ext cx="6045200" cy="2024062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604520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</a:tblGrid>
              <a:tr h="2024062">
                <a:tc>
                  <a:txBody>
                    <a:bodyPr/>
                    <a:lstStyle/>
                    <a:p>
                      <a:pPr marL="0" marR="0" lvl="0" indent="0" algn="ctr" defTabSz="912813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600" b="1" i="1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Gill Sans MT" panose="020B0502020104020203" pitchFamily="34" charset="0"/>
                          <a:cs typeface="Arial" pitchFamily="34" charset="0"/>
                        </a:rPr>
                        <a:t>Simple Probability</a:t>
                      </a:r>
                    </a:p>
                    <a:p>
                      <a:pPr marL="0" marR="0" lvl="0" indent="0" algn="ctr" defTabSz="912813" rtl="0" eaLnBrk="1" fontAlgn="base" latinLnBrk="0" hangingPunct="1">
                        <a:lnSpc>
                          <a:spcPct val="100000"/>
                        </a:lnSpc>
                        <a:spcBef>
                          <a:spcPct val="0"/>
                        </a:spcBef>
                        <a:spcAft>
                          <a:spcPct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400" b="0" i="1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Gill Sans MT" panose="020B0502020104020203" pitchFamily="34" charset="0"/>
                          <a:cs typeface="Arial" pitchFamily="34" charset="0"/>
                        </a:rPr>
                        <a:t>Estimate the probability that a randomly selected student will favor </a:t>
                      </a:r>
                      <a:r>
                        <a:rPr kumimoji="0" lang="en-US" sz="1400" b="1" i="1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ADDB7B">
                              <a:lumMod val="50000"/>
                            </a:srgbClr>
                          </a:solidFill>
                          <a:effectLst/>
                          <a:uLnTx/>
                          <a:uFillTx/>
                          <a:latin typeface="Gill Sans MT" panose="020B0502020104020203" pitchFamily="34" charset="0"/>
                          <a:cs typeface="Arial" pitchFamily="34" charset="0"/>
                        </a:rPr>
                        <a:t>science</a:t>
                      </a:r>
                      <a:r>
                        <a:rPr kumimoji="0" lang="en-US" sz="1400" b="0" i="1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prstClr val="black"/>
                          </a:solidFill>
                          <a:effectLst/>
                          <a:uLnTx/>
                          <a:uFillTx/>
                          <a:latin typeface="Gill Sans MT" panose="020B0502020104020203" pitchFamily="34" charset="0"/>
                          <a:cs typeface="Arial" pitchFamily="34" charset="0"/>
                        </a:rPr>
                        <a:t>. </a:t>
                      </a:r>
                      <a:endParaRPr kumimoji="0" lang="en-US" sz="1400" b="0" i="0" u="none" strike="noStrike" kern="1200" cap="none" spc="0" normalizeH="0" baseline="0" noProof="0" dirty="0">
                        <a:ln>
                          <a:noFill/>
                        </a:ln>
                        <a:solidFill>
                          <a:prstClr val="black"/>
                        </a:solidFill>
                        <a:effectLst/>
                        <a:uLnTx/>
                        <a:uFillTx/>
                        <a:latin typeface="Gill Sans MT" panose="020B0502020104020203" pitchFamily="34" charset="0"/>
                        <a:cs typeface="Arial" pitchFamily="34" charset="0"/>
                      </a:endParaRPr>
                    </a:p>
                  </a:txBody>
                  <a:tcPr marL="91445" marR="91445" marT="45721" marB="45721">
                    <a:lnL w="12700" cmpd="sng">
                      <a:noFill/>
                    </a:lnL>
                    <a:lnR w="635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</a:tbl>
          </a:graphicData>
        </a:graphic>
      </p:graphicFrame>
      <p:grpSp>
        <p:nvGrpSpPr>
          <p:cNvPr id="5126" name="Group 65"/>
          <p:cNvGrpSpPr>
            <a:grpSpLocks/>
          </p:cNvGrpSpPr>
          <p:nvPr/>
        </p:nvGrpSpPr>
        <p:grpSpPr bwMode="auto">
          <a:xfrm>
            <a:off x="169863" y="1531938"/>
            <a:ext cx="8686800" cy="39687"/>
            <a:chOff x="312862" y="969963"/>
            <a:chExt cx="8471606" cy="39687"/>
          </a:xfrm>
        </p:grpSpPr>
        <p:cxnSp>
          <p:nvCxnSpPr>
            <p:cNvPr id="194" name="Straight Connector 193"/>
            <p:cNvCxnSpPr/>
            <p:nvPr/>
          </p:nvCxnSpPr>
          <p:spPr bwMode="auto">
            <a:xfrm>
              <a:off x="312862" y="969963"/>
              <a:ext cx="8471606" cy="0"/>
            </a:xfrm>
            <a:prstGeom prst="line">
              <a:avLst/>
            </a:prstGeom>
            <a:ln w="19050">
              <a:solidFill>
                <a:schemeClr val="bg1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95" name="Straight Connector 194"/>
            <p:cNvCxnSpPr/>
            <p:nvPr/>
          </p:nvCxnSpPr>
          <p:spPr bwMode="auto">
            <a:xfrm>
              <a:off x="312862" y="1009650"/>
              <a:ext cx="8471606" cy="0"/>
            </a:xfrm>
            <a:prstGeom prst="line">
              <a:avLst/>
            </a:prstGeom>
            <a:ln w="3175">
              <a:solidFill>
                <a:schemeClr val="bg1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60" name="Rectangle 59"/>
          <p:cNvSpPr/>
          <p:nvPr/>
        </p:nvSpPr>
        <p:spPr>
          <a:xfrm>
            <a:off x="93663" y="111125"/>
            <a:ext cx="9005887" cy="44450"/>
          </a:xfrm>
          <a:prstGeom prst="rect">
            <a:avLst/>
          </a:prstGeom>
          <a:solidFill>
            <a:srgbClr val="21A8B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defTabSz="914363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3087" name="Rectangle 21"/>
          <p:cNvSpPr>
            <a:spLocks noChangeArrowheads="1"/>
          </p:cNvSpPr>
          <p:nvPr/>
        </p:nvSpPr>
        <p:spPr bwMode="auto">
          <a:xfrm>
            <a:off x="3175" y="247650"/>
            <a:ext cx="8853488" cy="13239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/>
          <a:p>
            <a:pPr defTabSz="914400">
              <a:defRPr/>
            </a:pPr>
            <a:r>
              <a:rPr lang="en-US" sz="2000" dirty="0">
                <a:solidFill>
                  <a:srgbClr val="000000"/>
                </a:solidFill>
                <a:latin typeface="Arial" charset="0"/>
                <a:cs typeface="+mn-cs"/>
              </a:rPr>
              <a:t>A </a:t>
            </a:r>
            <a:r>
              <a:rPr lang="en-US" sz="2000" b="1" u="sng" dirty="0">
                <a:solidFill>
                  <a:srgbClr val="000000"/>
                </a:solidFill>
                <a:latin typeface="Arial" charset="0"/>
                <a:cs typeface="+mn-cs"/>
              </a:rPr>
              <a:t>two-way frequency table</a:t>
            </a:r>
            <a:r>
              <a:rPr lang="en-US" sz="2000" dirty="0">
                <a:solidFill>
                  <a:srgbClr val="000000"/>
                </a:solidFill>
                <a:latin typeface="Arial" charset="0"/>
                <a:cs typeface="+mn-cs"/>
              </a:rPr>
              <a:t> shows data from one</a:t>
            </a:r>
            <a:r>
              <a:rPr lang="en-US" sz="2000" b="1" dirty="0">
                <a:solidFill>
                  <a:srgbClr val="000000"/>
                </a:solidFill>
                <a:latin typeface="Arial" charset="0"/>
                <a:cs typeface="+mn-cs"/>
              </a:rPr>
              <a:t> </a:t>
            </a:r>
            <a:r>
              <a:rPr lang="en-US" sz="2000" b="1" dirty="0">
                <a:solidFill>
                  <a:schemeClr val="accent2"/>
                </a:solidFill>
                <a:latin typeface="Arial" charset="0"/>
                <a:cs typeface="+mn-cs"/>
              </a:rPr>
              <a:t>sample group </a:t>
            </a:r>
            <a:r>
              <a:rPr lang="en-US" sz="2000" dirty="0">
                <a:solidFill>
                  <a:srgbClr val="000000"/>
                </a:solidFill>
                <a:latin typeface="Arial" charset="0"/>
                <a:cs typeface="+mn-cs"/>
              </a:rPr>
              <a:t>as it relates to </a:t>
            </a:r>
            <a:r>
              <a:rPr lang="en-US" sz="2000" b="1" dirty="0">
                <a:solidFill>
                  <a:srgbClr val="000000"/>
                </a:solidFill>
                <a:latin typeface="Arial" charset="0"/>
                <a:cs typeface="+mn-cs"/>
              </a:rPr>
              <a:t>two different categories</a:t>
            </a:r>
            <a:r>
              <a:rPr lang="en-US" sz="2000" dirty="0">
                <a:solidFill>
                  <a:srgbClr val="000000"/>
                </a:solidFill>
                <a:latin typeface="Arial" charset="0"/>
                <a:cs typeface="+mn-cs"/>
              </a:rPr>
              <a:t>.</a:t>
            </a:r>
          </a:p>
          <a:p>
            <a:pPr marL="406400" indent="-239713" defTabSz="914400">
              <a:buFont typeface="Arial" panose="020B0604020202020204" pitchFamily="34" charset="0"/>
              <a:buChar char="•"/>
              <a:defRPr/>
            </a:pPr>
            <a:r>
              <a:rPr lang="en-US" sz="2000" i="1" dirty="0">
                <a:solidFill>
                  <a:srgbClr val="000000"/>
                </a:solidFill>
                <a:latin typeface="Gill Sans MT" panose="020B0502020104020203" pitchFamily="34" charset="0"/>
                <a:cs typeface="+mn-cs"/>
              </a:rPr>
              <a:t>A </a:t>
            </a:r>
            <a:r>
              <a:rPr lang="en-US" sz="2000" b="1" i="1" u="sng" dirty="0">
                <a:solidFill>
                  <a:srgbClr val="000000"/>
                </a:solidFill>
                <a:latin typeface="Gill Sans MT" panose="020B0502020104020203" pitchFamily="34" charset="0"/>
                <a:cs typeface="+mn-cs"/>
              </a:rPr>
              <a:t>two-way frequency table</a:t>
            </a:r>
            <a:r>
              <a:rPr lang="en-US" sz="2000" i="1" dirty="0">
                <a:solidFill>
                  <a:srgbClr val="000000"/>
                </a:solidFill>
                <a:latin typeface="Gill Sans MT" panose="020B0502020104020203" pitchFamily="34" charset="0"/>
                <a:cs typeface="+mn-cs"/>
              </a:rPr>
              <a:t> can be used to approximate</a:t>
            </a:r>
            <a:r>
              <a:rPr lang="en-US" sz="2000" i="1" baseline="-25000" dirty="0">
                <a:solidFill>
                  <a:srgbClr val="000000"/>
                </a:solidFill>
                <a:latin typeface="Gill Sans MT" panose="020B0502020104020203" pitchFamily="34" charset="0"/>
                <a:cs typeface="+mn-cs"/>
              </a:rPr>
              <a:t>2</a:t>
            </a:r>
            <a:r>
              <a:rPr lang="en-US" sz="2000" i="1" dirty="0">
                <a:solidFill>
                  <a:srgbClr val="000000"/>
                </a:solidFill>
                <a:latin typeface="Gill Sans MT" panose="020B0502020104020203" pitchFamily="34" charset="0"/>
                <a:cs typeface="+mn-cs"/>
              </a:rPr>
              <a:t> the </a:t>
            </a:r>
            <a:r>
              <a:rPr lang="en-US" sz="2000" b="1" i="1" dirty="0">
                <a:solidFill>
                  <a:schemeClr val="accent4">
                    <a:lumMod val="50000"/>
                  </a:schemeClr>
                </a:solidFill>
                <a:latin typeface="Gill Sans MT" panose="020B0502020104020203" pitchFamily="34" charset="0"/>
                <a:cs typeface="+mn-cs"/>
              </a:rPr>
              <a:t>probability </a:t>
            </a:r>
            <a:r>
              <a:rPr lang="en-US" sz="2000" i="1" dirty="0">
                <a:solidFill>
                  <a:srgbClr val="000000"/>
                </a:solidFill>
                <a:latin typeface="Gill Sans MT" panose="020B0502020104020203" pitchFamily="34" charset="0"/>
                <a:cs typeface="+mn-cs"/>
              </a:rPr>
              <a:t>of events.</a:t>
            </a:r>
          </a:p>
        </p:txBody>
      </p:sp>
      <p:sp>
        <p:nvSpPr>
          <p:cNvPr id="144" name="Text Box 347"/>
          <p:cNvSpPr txBox="1">
            <a:spLocks noChangeArrowheads="1"/>
          </p:cNvSpPr>
          <p:nvPr/>
        </p:nvSpPr>
        <p:spPr bwMode="auto">
          <a:xfrm>
            <a:off x="0" y="1571625"/>
            <a:ext cx="3224213" cy="36988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>
            <a:spAutoFit/>
          </a:bodyPr>
          <a:lstStyle>
            <a:lvl1pPr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1pPr>
            <a:lvl2pPr marL="742950" indent="-285750"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2pPr>
            <a:lvl3pPr marL="1143000" indent="-228600"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3pPr>
            <a:lvl4pPr marL="1600200" indent="-228600"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4pPr>
            <a:lvl5pPr marL="2057400" indent="-228600" eaLnBrk="0" hangingPunct="0">
              <a:defRPr b="1">
                <a:solidFill>
                  <a:schemeClr val="tx1"/>
                </a:solidFill>
                <a:latin typeface="Arial" pitchFamily="34" charset="0"/>
              </a:defRPr>
            </a:lvl5pPr>
            <a:lvl6pPr marL="2514600" indent="-22860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chemeClr val="tx1"/>
                </a:solidFill>
                <a:latin typeface="Arial" pitchFamily="34" charset="0"/>
              </a:defRPr>
            </a:lvl6pPr>
            <a:lvl7pPr marL="2971800" indent="-22860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chemeClr val="tx1"/>
                </a:solidFill>
                <a:latin typeface="Arial" pitchFamily="34" charset="0"/>
              </a:defRPr>
            </a:lvl7pPr>
            <a:lvl8pPr marL="3429000" indent="-22860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chemeClr val="tx1"/>
                </a:solidFill>
                <a:latin typeface="Arial" pitchFamily="34" charset="0"/>
              </a:defRPr>
            </a:lvl8pPr>
            <a:lvl9pPr marL="3886200" indent="-228600" eaLnBrk="0" fontAlgn="base" hangingPunct="0">
              <a:spcBef>
                <a:spcPct val="0"/>
              </a:spcBef>
              <a:spcAft>
                <a:spcPct val="0"/>
              </a:spcAft>
              <a:defRPr b="1">
                <a:solidFill>
                  <a:schemeClr val="tx1"/>
                </a:solidFill>
                <a:latin typeface="Arial" pitchFamily="34" charset="0"/>
              </a:defRPr>
            </a:lvl9pPr>
          </a:lstStyle>
          <a:p>
            <a:pPr defTabSz="914400" eaLnBrk="1" fontAlgn="auto" hangingPunct="1">
              <a:spcBef>
                <a:spcPts val="0"/>
              </a:spcBef>
              <a:spcAft>
                <a:spcPts val="0"/>
              </a:spcAft>
              <a:defRPr/>
            </a:pPr>
            <a:r>
              <a:rPr lang="en-US" kern="0" dirty="0">
                <a:solidFill>
                  <a:srgbClr val="000000"/>
                </a:solidFill>
              </a:rPr>
              <a:t>Two-Way Frequency Tables</a:t>
            </a:r>
          </a:p>
        </p:txBody>
      </p:sp>
      <p:grpSp>
        <p:nvGrpSpPr>
          <p:cNvPr id="5132" name="Group 42"/>
          <p:cNvGrpSpPr>
            <a:grpSpLocks/>
          </p:cNvGrpSpPr>
          <p:nvPr/>
        </p:nvGrpSpPr>
        <p:grpSpPr bwMode="auto">
          <a:xfrm>
            <a:off x="6764338" y="5745158"/>
            <a:ext cx="2190750" cy="504754"/>
            <a:chOff x="6750050" y="5199063"/>
            <a:chExt cx="2190750" cy="504553"/>
          </a:xfrm>
        </p:grpSpPr>
        <p:sp>
          <p:nvSpPr>
            <p:cNvPr id="44" name="Rectangle 43"/>
            <p:cNvSpPr/>
            <p:nvPr/>
          </p:nvSpPr>
          <p:spPr bwMode="auto">
            <a:xfrm>
              <a:off x="6750050" y="5199063"/>
              <a:ext cx="2184400" cy="504553"/>
            </a:xfrm>
            <a:prstGeom prst="rect">
              <a:avLst/>
            </a:prstGeom>
            <a:gradFill flip="none" rotWithShape="1">
              <a:gsLst>
                <a:gs pos="0">
                  <a:schemeClr val="bg1">
                    <a:lumMod val="85000"/>
                  </a:schemeClr>
                </a:gs>
                <a:gs pos="61000">
                  <a:schemeClr val="bg1">
                    <a:lumMod val="95000"/>
                  </a:schemeClr>
                </a:gs>
                <a:gs pos="100000">
                  <a:schemeClr val="bg1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tIns="301752" rIns="45720">
              <a:spAutoFit/>
            </a:bodyPr>
            <a:lstStyle/>
            <a:p>
              <a:pPr defTabSz="914400">
                <a:defRPr/>
              </a:pPr>
              <a:r>
                <a:rPr lang="en-US" sz="1000" baseline="30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Arial" charset="0"/>
                  <a:cs typeface="Times New Roman" pitchFamily="18" charset="0"/>
                </a:rPr>
                <a:t>2</a:t>
              </a: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Arial" charset="0"/>
                  <a:cs typeface="Times New Roman" pitchFamily="18" charset="0"/>
                </a:rPr>
                <a:t> come close to an exact answer</a:t>
              </a:r>
            </a:p>
          </p:txBody>
        </p:sp>
        <p:sp>
          <p:nvSpPr>
            <p:cNvPr id="45" name="Rectangle 44"/>
            <p:cNvSpPr/>
            <p:nvPr/>
          </p:nvSpPr>
          <p:spPr bwMode="auto">
            <a:xfrm>
              <a:off x="6756400" y="5199063"/>
              <a:ext cx="2184400" cy="231682"/>
            </a:xfrm>
            <a:prstGeom prst="rect">
              <a:avLst/>
            </a:prstGeom>
            <a:solidFill>
              <a:schemeClr val="bg1">
                <a:lumMod val="50000"/>
              </a:schemeClr>
            </a:solidFill>
            <a:ln w="3175">
              <a:solidFill>
                <a:schemeClr val="tx1">
                  <a:lumMod val="50000"/>
                  <a:lumOff val="50000"/>
                </a:schemeClr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1000" b="1" dirty="0">
                  <a:solidFill>
                    <a:prstClr val="white"/>
                  </a:solidFill>
                  <a:latin typeface="Gill Sans MT" pitchFamily="34" charset="0"/>
                </a:rPr>
                <a:t>Vocabulary</a:t>
              </a:r>
            </a:p>
          </p:txBody>
        </p:sp>
      </p:grpSp>
      <p:graphicFrame>
        <p:nvGraphicFramePr>
          <p:cNvPr id="55" name="Table 5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6071174"/>
              </p:ext>
            </p:extLst>
          </p:nvPr>
        </p:nvGraphicFramePr>
        <p:xfrm>
          <a:off x="493713" y="2592388"/>
          <a:ext cx="5632450" cy="2243136"/>
        </p:xfrm>
        <a:graphic>
          <a:graphicData uri="http://schemas.openxmlformats.org/drawingml/2006/table">
            <a:tbl>
              <a:tblPr firstRow="1" firstCol="1" bandRow="1"/>
              <a:tblGrid>
                <a:gridCol w="1043045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12127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215148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126490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126490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373856">
                <a:tc>
                  <a:txBody>
                    <a:bodyPr/>
                    <a:lstStyle/>
                    <a:p>
                      <a:pPr marL="0" marR="0" algn="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Math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Science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English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  <a:r>
                        <a:rPr lang="en-US" sz="16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4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  <a:r>
                        <a:rPr lang="en-US" sz="16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4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20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1</a:t>
                      </a:r>
                      <a:r>
                        <a:rPr lang="en-US" sz="16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3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7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32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  <a:r>
                        <a:rPr lang="en-US" sz="16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5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8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2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3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32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2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dirty="0">
                          <a:solidFill>
                            <a:schemeClr val="accent3">
                              <a:lumMod val="50000"/>
                            </a:schemeClr>
                          </a:solidFill>
                          <a:effectLst/>
                          <a:latin typeface="Gill Sans MT" pitchFamily="34" charset="0"/>
                          <a:ea typeface="Times New Roman"/>
                        </a:rPr>
                        <a:t>100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</a:tbl>
          </a:graphicData>
        </a:graphic>
      </p:graphicFrame>
      <p:sp>
        <p:nvSpPr>
          <p:cNvPr id="59" name="Pentagon 58"/>
          <p:cNvSpPr/>
          <p:nvPr/>
        </p:nvSpPr>
        <p:spPr bwMode="auto">
          <a:xfrm>
            <a:off x="0" y="0"/>
            <a:ext cx="2212975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Concept Development</a:t>
            </a:r>
          </a:p>
        </p:txBody>
      </p:sp>
      <p:sp>
        <p:nvSpPr>
          <p:cNvPr id="23" name="Rectangle 22"/>
          <p:cNvSpPr/>
          <p:nvPr/>
        </p:nvSpPr>
        <p:spPr bwMode="auto">
          <a:xfrm>
            <a:off x="2654300" y="2585201"/>
            <a:ext cx="1223962" cy="2239962"/>
          </a:xfrm>
          <a:prstGeom prst="rect">
            <a:avLst/>
          </a:prstGeom>
          <a:solidFill>
            <a:srgbClr val="7030A0">
              <a:alpha val="30196"/>
            </a:srgbClr>
          </a:solidFill>
          <a:ln>
            <a:noFill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28" name="Rectangle 27"/>
          <p:cNvSpPr/>
          <p:nvPr/>
        </p:nvSpPr>
        <p:spPr>
          <a:xfrm>
            <a:off x="3175" y="1970088"/>
            <a:ext cx="6675438" cy="584200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>
              <a:defRPr/>
            </a:pPr>
            <a:r>
              <a:rPr lang="en-US" sz="1600" i="1" dirty="0">
                <a:latin typeface="Gill Sans MT" panose="020B0502020104020203" pitchFamily="34" charset="0"/>
              </a:rPr>
              <a:t>A survey asks </a:t>
            </a:r>
            <a:r>
              <a:rPr lang="en-US" sz="1600" b="1" i="1" dirty="0">
                <a:solidFill>
                  <a:schemeClr val="accent2"/>
                </a:solidFill>
                <a:latin typeface="Gill Sans MT" panose="020B0502020104020203" pitchFamily="34" charset="0"/>
              </a:rPr>
              <a:t>100</a:t>
            </a:r>
            <a:r>
              <a:rPr lang="en-US" sz="1600" i="1" dirty="0">
                <a:solidFill>
                  <a:schemeClr val="accent2"/>
                </a:solidFill>
                <a:latin typeface="Gill Sans MT" panose="020B0502020104020203" pitchFamily="34" charset="0"/>
              </a:rPr>
              <a:t> </a:t>
            </a:r>
            <a:r>
              <a:rPr lang="en-US" sz="1600" b="1" i="1" dirty="0">
                <a:solidFill>
                  <a:schemeClr val="accent2"/>
                </a:solidFill>
                <a:latin typeface="Gill Sans MT" panose="020B0502020104020203" pitchFamily="34" charset="0"/>
              </a:rPr>
              <a:t>high school students </a:t>
            </a:r>
            <a:r>
              <a:rPr lang="en-US" sz="1600" i="1" dirty="0">
                <a:latin typeface="Gill Sans MT" panose="020B0502020104020203" pitchFamily="34" charset="0"/>
              </a:rPr>
              <a:t>their </a:t>
            </a:r>
            <a:r>
              <a:rPr lang="en-US" sz="1600" b="1" i="1" dirty="0">
                <a:solidFill>
                  <a:schemeClr val="accent5">
                    <a:lumMod val="50000"/>
                  </a:schemeClr>
                </a:solidFill>
                <a:latin typeface="Gill Sans MT" panose="020B0502020104020203" pitchFamily="34" charset="0"/>
              </a:rPr>
              <a:t>favorite</a:t>
            </a:r>
            <a:r>
              <a:rPr lang="en-US" sz="1600" i="1" dirty="0">
                <a:solidFill>
                  <a:schemeClr val="accent5">
                    <a:lumMod val="50000"/>
                  </a:schemeClr>
                </a:solidFill>
                <a:latin typeface="Gill Sans MT" panose="020B0502020104020203" pitchFamily="34" charset="0"/>
              </a:rPr>
              <a:t> </a:t>
            </a:r>
            <a:r>
              <a:rPr lang="en-US" sz="1600" b="1" i="1" dirty="0">
                <a:solidFill>
                  <a:schemeClr val="accent5">
                    <a:lumMod val="50000"/>
                  </a:schemeClr>
                </a:solidFill>
                <a:latin typeface="Gill Sans MT" panose="020B0502020104020203" pitchFamily="34" charset="0"/>
              </a:rPr>
              <a:t>subject</a:t>
            </a:r>
            <a:r>
              <a:rPr lang="en-US" sz="1600" i="1" dirty="0">
                <a:solidFill>
                  <a:schemeClr val="accent5">
                    <a:lumMod val="50000"/>
                  </a:schemeClr>
                </a:solidFill>
                <a:latin typeface="Gill Sans MT" panose="020B0502020104020203" pitchFamily="34" charset="0"/>
              </a:rPr>
              <a:t> </a:t>
            </a:r>
            <a:r>
              <a:rPr lang="en-US" sz="1600" i="1" dirty="0">
                <a:latin typeface="Gill Sans MT" panose="020B0502020104020203" pitchFamily="34" charset="0"/>
              </a:rPr>
              <a:t>in school and compares the results to their </a:t>
            </a:r>
            <a:r>
              <a:rPr lang="en-US" sz="1600" b="1" i="1" dirty="0">
                <a:solidFill>
                  <a:schemeClr val="accent6">
                    <a:lumMod val="75000"/>
                  </a:schemeClr>
                </a:solidFill>
                <a:latin typeface="Gill Sans MT" panose="020B0502020104020203" pitchFamily="34" charset="0"/>
              </a:rPr>
              <a:t>grade</a:t>
            </a:r>
            <a:r>
              <a:rPr lang="en-US" sz="1600" i="1" dirty="0">
                <a:latin typeface="Gill Sans MT" panose="020B0502020104020203" pitchFamily="34" charset="0"/>
              </a:rPr>
              <a:t>.  The results are shown in the table below.</a:t>
            </a:r>
            <a:endParaRPr lang="en-US" sz="1600" dirty="0">
              <a:latin typeface="Gill Sans MT" panose="020B0502020104020203" pitchFamily="34" charset="0"/>
            </a:endParaRPr>
          </a:p>
        </p:txBody>
      </p:sp>
      <p:sp>
        <p:nvSpPr>
          <p:cNvPr id="32" name="Rectangle 31"/>
          <p:cNvSpPr/>
          <p:nvPr/>
        </p:nvSpPr>
        <p:spPr bwMode="auto">
          <a:xfrm>
            <a:off x="2654300" y="4468813"/>
            <a:ext cx="1222375" cy="365125"/>
          </a:xfrm>
          <a:prstGeom prst="rect">
            <a:avLst/>
          </a:prstGeom>
          <a:solidFill>
            <a:srgbClr val="7030A0">
              <a:alpha val="30196"/>
            </a:srgbClr>
          </a:solidFill>
          <a:ln>
            <a:noFill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grpSp>
        <p:nvGrpSpPr>
          <p:cNvPr id="5191" name="Group 1"/>
          <p:cNvGrpSpPr>
            <a:grpSpLocks/>
          </p:cNvGrpSpPr>
          <p:nvPr/>
        </p:nvGrpSpPr>
        <p:grpSpPr bwMode="auto">
          <a:xfrm>
            <a:off x="6764338" y="1874363"/>
            <a:ext cx="2197100" cy="1744663"/>
            <a:chOff x="6750050" y="1057275"/>
            <a:chExt cx="2197100" cy="1745362"/>
          </a:xfrm>
        </p:grpSpPr>
        <p:sp>
          <p:nvSpPr>
            <p:cNvPr id="34" name="Rectangle 33"/>
            <p:cNvSpPr/>
            <p:nvPr/>
          </p:nvSpPr>
          <p:spPr bwMode="auto">
            <a:xfrm>
              <a:off x="6750050" y="1065216"/>
              <a:ext cx="2190750" cy="1737421"/>
            </a:xfrm>
            <a:prstGeom prst="rect">
              <a:avLst/>
            </a:prstGeom>
            <a:gradFill flip="none" rotWithShape="1">
              <a:gsLst>
                <a:gs pos="0">
                  <a:srgbClr val="C0ECFC"/>
                </a:gs>
                <a:gs pos="32000">
                  <a:srgbClr val="F7FDFF"/>
                </a:gs>
                <a:gs pos="100000">
                  <a:srgbClr val="FFFFFF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tIns="301752" rIns="45720">
              <a:spAutoFit/>
            </a:bodyPr>
            <a:lstStyle/>
            <a:p>
              <a:pPr defTabSz="914400"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  <a:cs typeface="Arial" charset="0"/>
                </a:rPr>
                <a:t>Which shows the approximate probability of students who favor </a:t>
              </a:r>
              <a:r>
                <a:rPr lang="en-US" sz="1100" dirty="0">
                  <a:solidFill>
                    <a:schemeClr val="tx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math</a:t>
              </a: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  <a:cs typeface="Arial" charset="0"/>
                </a:rPr>
                <a:t>? How do you know?</a:t>
              </a: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  <a:p>
              <a:pPr defTabSz="914400">
                <a:defRPr/>
              </a:pP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  <a:p>
              <a:pPr defTabSz="914400">
                <a:defRPr/>
              </a:pPr>
              <a:r>
                <a:rPr lang="en-US" sz="1100" dirty="0">
                  <a:solidFill>
                    <a:srgbClr val="000000"/>
                  </a:solidFill>
                  <a:latin typeface="Arial" pitchFamily="34" charset="0"/>
                  <a:cs typeface="Arial" charset="0"/>
                </a:rPr>
                <a:t>A  </a:t>
              </a:r>
            </a:p>
            <a:p>
              <a:pPr defTabSz="914400">
                <a:defRPr/>
              </a:pP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  <a:p>
              <a:pPr defTabSz="914400">
                <a:defRPr/>
              </a:pP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  <a:p>
              <a:pPr defTabSz="914400">
                <a:defRPr/>
              </a:pPr>
              <a:r>
                <a:rPr lang="en-US" sz="1100" dirty="0">
                  <a:solidFill>
                    <a:srgbClr val="000000"/>
                  </a:solidFill>
                  <a:latin typeface="Arial" pitchFamily="34" charset="0"/>
                  <a:cs typeface="Arial" charset="0"/>
                </a:rPr>
                <a:t>B   </a:t>
              </a:r>
            </a:p>
            <a:p>
              <a:pPr defTabSz="914400">
                <a:defRPr/>
              </a:pPr>
              <a:endParaRPr lang="en-US" sz="600" dirty="0">
                <a:solidFill>
                  <a:srgbClr val="808080"/>
                </a:solidFill>
                <a:latin typeface="Verdana" pitchFamily="34" charset="0"/>
                <a:cs typeface="Arial" charset="0"/>
              </a:endParaRPr>
            </a:p>
          </p:txBody>
        </p:sp>
        <p:sp>
          <p:nvSpPr>
            <p:cNvPr id="35" name="Rectangle 34"/>
            <p:cNvSpPr/>
            <p:nvPr/>
          </p:nvSpPr>
          <p:spPr bwMode="auto">
            <a:xfrm>
              <a:off x="6756400" y="1057275"/>
              <a:ext cx="2190750" cy="220751"/>
            </a:xfrm>
            <a:prstGeom prst="rect">
              <a:avLst/>
            </a:prstGeom>
            <a:solidFill>
              <a:srgbClr val="FF9800"/>
            </a:solidFill>
            <a:ln w="3175">
              <a:noFill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1000" b="1" dirty="0">
                  <a:solidFill>
                    <a:prstClr val="white"/>
                  </a:solidFill>
                  <a:latin typeface="Gill Sans MT" pitchFamily="34" charset="0"/>
                </a:rPr>
                <a:t>CFU</a:t>
              </a:r>
            </a:p>
          </p:txBody>
        </p:sp>
      </p:grpSp>
      <p:sp>
        <p:nvSpPr>
          <p:cNvPr id="46" name="Oval 63"/>
          <p:cNvSpPr>
            <a:spLocks noChangeArrowheads="1"/>
          </p:cNvSpPr>
          <p:nvPr/>
        </p:nvSpPr>
        <p:spPr bwMode="auto">
          <a:xfrm>
            <a:off x="6799263" y="3301526"/>
            <a:ext cx="198437" cy="201612"/>
          </a:xfrm>
          <a:prstGeom prst="ellipse">
            <a:avLst/>
          </a:prstGeom>
          <a:noFill/>
          <a:ln w="19050">
            <a:solidFill>
              <a:srgbClr val="FF00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endParaRPr lang="en-US" sz="1000" kern="0">
              <a:solidFill>
                <a:sysClr val="windowText" lastClr="000000"/>
              </a:solidFill>
              <a:cs typeface="Arial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0" name="TextBox 49">
                <a:extLst>
                  <a:ext uri="{FF2B5EF4-FFF2-40B4-BE49-F238E27FC236}">
                    <a16:creationId xmlns:a16="http://schemas.microsoft.com/office/drawing/2014/main" id="{58D36637-CEFC-41F3-B0C9-52C19500D4B3}"/>
                  </a:ext>
                </a:extLst>
              </p:cNvPr>
              <p:cNvSpPr txBox="1"/>
              <p:nvPr/>
            </p:nvSpPr>
            <p:spPr>
              <a:xfrm>
                <a:off x="1106487" y="5461837"/>
                <a:ext cx="3692987" cy="6127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𝑺𝒄𝒊𝒆𝒏𝒄𝒆</m:t>
                          </m:r>
                        </m:e>
                      </m:d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𝟑𝟐</m:t>
                          </m:r>
                        </m:num>
                        <m:den>
                          <m:r>
                            <a:rPr lang="en-US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𝟑𝟐</m:t>
                      </m:r>
                    </m:oMath>
                  </m:oMathPara>
                </a14:m>
                <a:endParaRPr lang="en-US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0" name="TextBox 49">
                <a:extLst>
                  <a:ext uri="{FF2B5EF4-FFF2-40B4-BE49-F238E27FC236}">
                    <a16:creationId xmlns:a16="http://schemas.microsoft.com/office/drawing/2014/main" id="{58D36637-CEFC-41F3-B0C9-52C19500D4B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06487" y="5461837"/>
                <a:ext cx="3692987" cy="612732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TextBox 53">
                <a:extLst>
                  <a:ext uri="{FF2B5EF4-FFF2-40B4-BE49-F238E27FC236}">
                    <a16:creationId xmlns:a16="http://schemas.microsoft.com/office/drawing/2014/main" id="{7D46D87F-A50D-41D4-8BFE-35DEB1C81B45}"/>
                  </a:ext>
                </a:extLst>
              </p:cNvPr>
              <p:cNvSpPr txBox="1"/>
              <p:nvPr/>
            </p:nvSpPr>
            <p:spPr>
              <a:xfrm>
                <a:off x="6811963" y="2651962"/>
                <a:ext cx="2198688" cy="43922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𝑴𝒂𝒕𝒉</m:t>
                          </m:r>
                        </m:e>
                      </m:d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𝟔</m:t>
                          </m:r>
                        </m:num>
                        <m:den>
                          <m: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𝟎𝟔</m:t>
                      </m:r>
                    </m:oMath>
                  </m:oMathPara>
                </a14:m>
                <a:endParaRPr lang="en-US" sz="1200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4" name="TextBox 53">
                <a:extLst>
                  <a:ext uri="{FF2B5EF4-FFF2-40B4-BE49-F238E27FC236}">
                    <a16:creationId xmlns:a16="http://schemas.microsoft.com/office/drawing/2014/main" id="{7D46D87F-A50D-41D4-8BFE-35DEB1C81B4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11963" y="2651962"/>
                <a:ext cx="2198688" cy="439223"/>
              </a:xfrm>
              <a:prstGeom prst="rect">
                <a:avLst/>
              </a:prstGeom>
              <a:blipFill>
                <a:blip r:embed="rId5"/>
                <a:stretch>
                  <a:fillRect b="-138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6" name="TextBox 55">
                <a:extLst>
                  <a:ext uri="{FF2B5EF4-FFF2-40B4-BE49-F238E27FC236}">
                    <a16:creationId xmlns:a16="http://schemas.microsoft.com/office/drawing/2014/main" id="{5E263B21-88F7-4EA8-89DF-551FC16F2B9C}"/>
                  </a:ext>
                </a:extLst>
              </p:cNvPr>
              <p:cNvSpPr txBox="1"/>
              <p:nvPr/>
            </p:nvSpPr>
            <p:spPr>
              <a:xfrm>
                <a:off x="6811963" y="3147262"/>
                <a:ext cx="2198688" cy="43922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𝑴𝒂𝒕𝒉</m:t>
                          </m:r>
                        </m:e>
                      </m:d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𝟑𝟗</m:t>
                          </m:r>
                        </m:num>
                        <m:den>
                          <m:r>
                            <a:rPr lang="en-US" sz="120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sz="120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𝟑𝟗</m:t>
                      </m:r>
                    </m:oMath>
                  </m:oMathPara>
                </a14:m>
                <a:endParaRPr lang="en-US" sz="1200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6" name="TextBox 55">
                <a:extLst>
                  <a:ext uri="{FF2B5EF4-FFF2-40B4-BE49-F238E27FC236}">
                    <a16:creationId xmlns:a16="http://schemas.microsoft.com/office/drawing/2014/main" id="{5E263B21-88F7-4EA8-89DF-551FC16F2B9C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11963" y="3147262"/>
                <a:ext cx="2198688" cy="439223"/>
              </a:xfrm>
              <a:prstGeom prst="rect">
                <a:avLst/>
              </a:prstGeom>
              <a:blipFill>
                <a:blip r:embed="rId6"/>
                <a:stretch>
                  <a:fillRect b="-138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</p:cSld>
  <p:clrMapOvr>
    <a:masterClrMapping/>
  </p:clrMapOvr>
  <p:transition spd="slow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1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7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xit" presetSubtype="1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11" dur="500"/>
                                        <p:tgtEl>
                                          <p:spTgt spid="2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3" grpId="1" animBg="1"/>
      <p:bldP spid="23" grpId="2" animBg="1"/>
      <p:bldP spid="46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170" name="Group 1"/>
          <p:cNvGrpSpPr>
            <a:grpSpLocks/>
          </p:cNvGrpSpPr>
          <p:nvPr/>
        </p:nvGrpSpPr>
        <p:grpSpPr bwMode="auto">
          <a:xfrm>
            <a:off x="0" y="777875"/>
            <a:ext cx="7094538" cy="1554163"/>
            <a:chOff x="93663" y="1050925"/>
            <a:chExt cx="7094537" cy="1554463"/>
          </a:xfrm>
        </p:grpSpPr>
        <p:pic>
          <p:nvPicPr>
            <p:cNvPr id="7243" name="Picture 36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93663" y="1050925"/>
              <a:ext cx="7094537" cy="1554463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  <p:sp>
          <p:nvSpPr>
            <p:cNvPr id="66" name="Rectangle 65"/>
            <p:cNvSpPr/>
            <p:nvPr/>
          </p:nvSpPr>
          <p:spPr bwMode="auto">
            <a:xfrm>
              <a:off x="527051" y="1362135"/>
              <a:ext cx="4384674" cy="1170214"/>
            </a:xfrm>
            <a:prstGeom prst="rect">
              <a:avLst/>
            </a:prstGeom>
            <a:noFill/>
            <a:ln w="3175">
              <a:noFill/>
            </a:ln>
            <a:effec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>
              <a:spAutoFit/>
            </a:bodyPr>
            <a:lstStyle/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Read the situation carefully.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	Identify the two categories. (underline)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Identify the sample space in question. (circle)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Approximate the probability. 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Interpret your answer. (write)</a:t>
              </a:r>
            </a:p>
          </p:txBody>
        </p:sp>
        <p:sp>
          <p:nvSpPr>
            <p:cNvPr id="67" name="Rectangle 1112"/>
            <p:cNvSpPr>
              <a:spLocks noChangeArrowheads="1"/>
            </p:cNvSpPr>
            <p:nvPr/>
          </p:nvSpPr>
          <p:spPr bwMode="auto">
            <a:xfrm>
              <a:off x="274638" y="1133491"/>
              <a:ext cx="4516437" cy="30803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anchor="ctr">
              <a:spAutoFit/>
            </a:bodyPr>
            <a:lstStyle/>
            <a:p>
              <a:pPr eaLnBrk="0" fontAlgn="auto" hangingPunct="0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400" b="1" kern="0" dirty="0">
                  <a:solidFill>
                    <a:sysClr val="windowText" lastClr="000000"/>
                  </a:solidFill>
                  <a:latin typeface="Arial" pitchFamily="34" charset="0"/>
                </a:rPr>
                <a:t>Construct and interpret two-way frequency tables.</a:t>
              </a:r>
            </a:p>
          </p:txBody>
        </p:sp>
        <p:sp>
          <p:nvSpPr>
            <p:cNvPr id="78" name="Oval 77"/>
            <p:cNvSpPr/>
            <p:nvPr/>
          </p:nvSpPr>
          <p:spPr bwMode="auto">
            <a:xfrm>
              <a:off x="376238" y="1409769"/>
              <a:ext cx="173038" cy="173071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1</a:t>
              </a:r>
            </a:p>
          </p:txBody>
        </p:sp>
        <p:sp>
          <p:nvSpPr>
            <p:cNvPr id="81" name="Oval 80"/>
            <p:cNvSpPr/>
            <p:nvPr/>
          </p:nvSpPr>
          <p:spPr bwMode="auto">
            <a:xfrm>
              <a:off x="376238" y="1849592"/>
              <a:ext cx="173038" cy="173070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2</a:t>
              </a:r>
            </a:p>
          </p:txBody>
        </p:sp>
        <p:sp>
          <p:nvSpPr>
            <p:cNvPr id="82" name="Oval 81"/>
            <p:cNvSpPr/>
            <p:nvPr/>
          </p:nvSpPr>
          <p:spPr bwMode="auto">
            <a:xfrm>
              <a:off x="376238" y="2059183"/>
              <a:ext cx="173038" cy="173070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3</a:t>
              </a:r>
            </a:p>
          </p:txBody>
        </p:sp>
        <p:sp>
          <p:nvSpPr>
            <p:cNvPr id="83" name="Oval 82"/>
            <p:cNvSpPr/>
            <p:nvPr/>
          </p:nvSpPr>
          <p:spPr bwMode="auto">
            <a:xfrm>
              <a:off x="376238" y="2286238"/>
              <a:ext cx="173038" cy="173071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4</a:t>
              </a:r>
            </a:p>
          </p:txBody>
        </p:sp>
        <p:sp>
          <p:nvSpPr>
            <p:cNvPr id="87" name="Oval 86"/>
            <p:cNvSpPr/>
            <p:nvPr/>
          </p:nvSpPr>
          <p:spPr bwMode="auto">
            <a:xfrm>
              <a:off x="639763" y="1636826"/>
              <a:ext cx="173038" cy="174659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a</a:t>
              </a:r>
            </a:p>
          </p:txBody>
        </p:sp>
      </p:grpSp>
      <p:sp>
        <p:nvSpPr>
          <p:cNvPr id="50" name="Rectangle 49"/>
          <p:cNvSpPr/>
          <p:nvPr/>
        </p:nvSpPr>
        <p:spPr>
          <a:xfrm>
            <a:off x="93663" y="111125"/>
            <a:ext cx="9005887" cy="44450"/>
          </a:xfrm>
          <a:prstGeom prst="rect">
            <a:avLst/>
          </a:prstGeom>
          <a:solidFill>
            <a:srgbClr val="21A8B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defTabSz="914363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33" name="Rectangle 21"/>
          <p:cNvSpPr>
            <a:spLocks noChangeArrowheads="1"/>
          </p:cNvSpPr>
          <p:nvPr/>
        </p:nvSpPr>
        <p:spPr bwMode="auto">
          <a:xfrm>
            <a:off x="0" y="247650"/>
            <a:ext cx="5303838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defTabSz="914400">
              <a:defRPr/>
            </a:pP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A </a:t>
            </a:r>
            <a:r>
              <a:rPr lang="en-US" sz="1600" b="1" u="sng" dirty="0">
                <a:solidFill>
                  <a:srgbClr val="000000"/>
                </a:solidFill>
                <a:latin typeface="Arial" charset="0"/>
                <a:cs typeface="+mn-cs"/>
              </a:rPr>
              <a:t>two-way frequency table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 shows data from one</a:t>
            </a:r>
            <a:r>
              <a:rPr lang="en-US" sz="1600" b="1" dirty="0">
                <a:solidFill>
                  <a:srgbClr val="000000"/>
                </a:solidFill>
                <a:latin typeface="Arial" charset="0"/>
                <a:cs typeface="+mn-cs"/>
              </a:rPr>
              <a:t> sample group 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as it relates to </a:t>
            </a:r>
            <a:r>
              <a:rPr lang="en-US" sz="1600" b="1" dirty="0">
                <a:solidFill>
                  <a:srgbClr val="000000"/>
                </a:solidFill>
                <a:latin typeface="Arial" charset="0"/>
                <a:cs typeface="+mn-cs"/>
              </a:rPr>
              <a:t>two different categories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.</a:t>
            </a:r>
          </a:p>
        </p:txBody>
      </p:sp>
      <p:graphicFrame>
        <p:nvGraphicFramePr>
          <p:cNvPr id="38" name="Table 37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596433736"/>
              </p:ext>
            </p:extLst>
          </p:nvPr>
        </p:nvGraphicFramePr>
        <p:xfrm>
          <a:off x="93663" y="4068763"/>
          <a:ext cx="6581774" cy="237807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29088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329088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1189038"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1. 	Estimate the probability that a student will favor football.</a:t>
                      </a:r>
                    </a:p>
                  </a:txBody>
                  <a:tcPr marL="91445" marR="91445" marT="45733" marB="45733">
                    <a:lnL w="12700" cmpd="sng">
                      <a:noFill/>
                    </a:lnL>
                    <a:lnR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2. 	Estimate the probability that a student will favor soccer.</a:t>
                      </a:r>
                    </a:p>
                  </a:txBody>
                  <a:tcPr marL="91445" marR="91445" marT="45733" marB="45733">
                    <a:lnL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1189038"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3. 	Estimate the probability that a student is female and favors football.</a:t>
                      </a:r>
                    </a:p>
                  </a:txBody>
                  <a:tcPr marL="91450" marR="91450" marT="45741" marB="45741">
                    <a:lnL w="12700" cmpd="sng">
                      <a:noFill/>
                    </a:lnL>
                    <a:lnR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4. 	Estimate the probability that a student is male and favors soccer</a:t>
                      </a:r>
                      <a:r>
                        <a:rPr lang="en-US" sz="1400" b="0" baseline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.</a:t>
                      </a:r>
                      <a:endParaRPr lang="en-US" sz="1400" b="0" dirty="0">
                        <a:solidFill>
                          <a:schemeClr val="tx1"/>
                        </a:solidFill>
                        <a:latin typeface="Arial Narrow" panose="020B0606020202030204" pitchFamily="34" charset="0"/>
                        <a:cs typeface="Arial" panose="020B0604020202020204" pitchFamily="34" charset="0"/>
                      </a:endParaRPr>
                    </a:p>
                  </a:txBody>
                  <a:tcPr marL="91450" marR="91450" marT="45741" marB="45741">
                    <a:lnL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mpd="sng">
                      <a:noFill/>
                    </a:lnR>
                    <a:lnT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39" name="Table 38"/>
          <p:cNvGraphicFramePr>
            <a:graphicFrameLocks noGrp="1"/>
          </p:cNvGraphicFramePr>
          <p:nvPr/>
        </p:nvGraphicFramePr>
        <p:xfrm>
          <a:off x="962025" y="2832100"/>
          <a:ext cx="4845049" cy="1146176"/>
        </p:xfrm>
        <a:graphic>
          <a:graphicData uri="http://schemas.openxmlformats.org/drawingml/2006/table">
            <a:tbl>
              <a:tblPr firstRow="1" firstCol="1" bandRow="1"/>
              <a:tblGrid>
                <a:gridCol w="89723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96452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045274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969009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969009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286544">
                <a:tc>
                  <a:txBody>
                    <a:bodyPr/>
                    <a:lstStyle/>
                    <a:p>
                      <a:pPr marL="0" marR="0" algn="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6" marR="36576" marT="36579" marB="36579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Soccer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Football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Basketball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Male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5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20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Female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8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30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8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7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5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b="1" dirty="0">
                          <a:solidFill>
                            <a:schemeClr val="accent3">
                              <a:lumMod val="50000"/>
                            </a:schemeClr>
                          </a:solidFill>
                          <a:effectLst/>
                          <a:latin typeface="Gill Sans MT" pitchFamily="34" charset="0"/>
                          <a:ea typeface="Times New Roman"/>
                        </a:rPr>
                        <a:t>50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</a:tbl>
          </a:graphicData>
        </a:graphic>
      </p:graphicFrame>
      <p:sp>
        <p:nvSpPr>
          <p:cNvPr id="7212" name="Rectangle 46"/>
          <p:cNvSpPr>
            <a:spLocks noChangeArrowheads="1"/>
          </p:cNvSpPr>
          <p:nvPr/>
        </p:nvSpPr>
        <p:spPr bwMode="auto">
          <a:xfrm>
            <a:off x="593725" y="2257425"/>
            <a:ext cx="5580063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/>
            <a:r>
              <a:rPr lang="en-US" altLang="en-US" sz="1400" i="1" dirty="0">
                <a:latin typeface="Gill Sans MT" panose="020B0502020104020203" pitchFamily="34" charset="0"/>
              </a:rPr>
              <a:t>A survey of 50 male and female students is conducted to determine each student’s choice of their favorite sport from soccer, football, and basketball.</a:t>
            </a:r>
            <a:endParaRPr lang="en-US" altLang="en-US" sz="1400" dirty="0">
              <a:latin typeface="Gill Sans MT" panose="020B0502020104020203" pitchFamily="34" charset="0"/>
            </a:endParaRPr>
          </a:p>
        </p:txBody>
      </p:sp>
      <p:cxnSp>
        <p:nvCxnSpPr>
          <p:cNvPr id="3" name="Straight Connector 2"/>
          <p:cNvCxnSpPr/>
          <p:nvPr/>
        </p:nvCxnSpPr>
        <p:spPr>
          <a:xfrm>
            <a:off x="1998663" y="2482850"/>
            <a:ext cx="1143000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8" name="Straight Connector 47"/>
          <p:cNvCxnSpPr/>
          <p:nvPr/>
        </p:nvCxnSpPr>
        <p:spPr>
          <a:xfrm>
            <a:off x="3827463" y="2705100"/>
            <a:ext cx="2024062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7215" name="Group 63"/>
          <p:cNvGrpSpPr>
            <a:grpSpLocks/>
          </p:cNvGrpSpPr>
          <p:nvPr/>
        </p:nvGrpSpPr>
        <p:grpSpPr bwMode="auto">
          <a:xfrm>
            <a:off x="6761163" y="1071563"/>
            <a:ext cx="2190750" cy="966787"/>
            <a:chOff x="6742113" y="947738"/>
            <a:chExt cx="2190750" cy="966737"/>
          </a:xfrm>
        </p:grpSpPr>
        <p:sp>
          <p:nvSpPr>
            <p:cNvPr id="42" name="Rectangle 41"/>
            <p:cNvSpPr/>
            <p:nvPr/>
          </p:nvSpPr>
          <p:spPr bwMode="auto">
            <a:xfrm>
              <a:off x="6742113" y="947738"/>
              <a:ext cx="2184400" cy="966737"/>
            </a:xfrm>
            <a:prstGeom prst="rect">
              <a:avLst/>
            </a:prstGeom>
            <a:gradFill flip="none" rotWithShape="1">
              <a:gsLst>
                <a:gs pos="0">
                  <a:srgbClr val="C0ECFC"/>
                </a:gs>
                <a:gs pos="32000">
                  <a:srgbClr val="F7FDFF"/>
                </a:gs>
                <a:gs pos="100000">
                  <a:srgbClr val="FFFFFF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74320" tIns="301752" rIns="45720">
              <a:spAutoFit/>
            </a:bodyPr>
            <a:lstStyle/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How did I/you identify the sample space in question?</a:t>
              </a:r>
            </a:p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How did I/you approximate the conditional probability?</a:t>
              </a:r>
            </a:p>
          </p:txBody>
        </p:sp>
        <p:sp>
          <p:nvSpPr>
            <p:cNvPr id="43" name="Rectangle 42"/>
            <p:cNvSpPr/>
            <p:nvPr/>
          </p:nvSpPr>
          <p:spPr bwMode="auto">
            <a:xfrm>
              <a:off x="6748463" y="947738"/>
              <a:ext cx="2184400" cy="231763"/>
            </a:xfrm>
            <a:prstGeom prst="rect">
              <a:avLst/>
            </a:prstGeom>
            <a:solidFill>
              <a:srgbClr val="08749A"/>
            </a:solidFill>
            <a:ln w="3175">
              <a:solidFill>
                <a:schemeClr val="accent1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1000" b="1" dirty="0">
                  <a:solidFill>
                    <a:prstClr val="white"/>
                  </a:solidFill>
                  <a:latin typeface="Gill Sans MT" pitchFamily="34" charset="0"/>
                  <a:cs typeface="Arial" charset="0"/>
                </a:rPr>
                <a:t>CFU</a:t>
              </a:r>
            </a:p>
          </p:txBody>
        </p:sp>
        <p:sp>
          <p:nvSpPr>
            <p:cNvPr id="44" name="Oval 43"/>
            <p:cNvSpPr/>
            <p:nvPr/>
          </p:nvSpPr>
          <p:spPr bwMode="auto">
            <a:xfrm>
              <a:off x="6808788" y="1235060"/>
              <a:ext cx="173037" cy="173029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2</a:t>
              </a:r>
            </a:p>
          </p:txBody>
        </p:sp>
        <p:sp>
          <p:nvSpPr>
            <p:cNvPr id="34" name="Oval 33"/>
            <p:cNvSpPr/>
            <p:nvPr/>
          </p:nvSpPr>
          <p:spPr bwMode="auto">
            <a:xfrm>
              <a:off x="6808788" y="1547782"/>
              <a:ext cx="173037" cy="173028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3</a:t>
              </a:r>
            </a:p>
          </p:txBody>
        </p:sp>
      </p:grpSp>
      <p:sp>
        <p:nvSpPr>
          <p:cNvPr id="55" name="Heading"/>
          <p:cNvSpPr/>
          <p:nvPr/>
        </p:nvSpPr>
        <p:spPr bwMode="auto">
          <a:xfrm>
            <a:off x="0" y="0"/>
            <a:ext cx="2876550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Skill Development/Guided Practice 1</a:t>
            </a:r>
          </a:p>
        </p:txBody>
      </p:sp>
      <p:sp>
        <p:nvSpPr>
          <p:cNvPr id="56" name="Rounded Rectangle 55"/>
          <p:cNvSpPr/>
          <p:nvPr/>
        </p:nvSpPr>
        <p:spPr bwMode="auto">
          <a:xfrm>
            <a:off x="704850" y="4343400"/>
            <a:ext cx="690563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47" name="TextBox 46">
                <a:extLst>
                  <a:ext uri="{FF2B5EF4-FFF2-40B4-BE49-F238E27FC236}">
                    <a16:creationId xmlns:a16="http://schemas.microsoft.com/office/drawing/2014/main" id="{E44F04FF-286D-487F-B415-8BE52C17CCE9}"/>
                  </a:ext>
                </a:extLst>
              </p:cNvPr>
              <p:cNvSpPr txBox="1"/>
              <p:nvPr/>
            </p:nvSpPr>
            <p:spPr>
              <a:xfrm>
                <a:off x="0" y="4655622"/>
                <a:ext cx="1699811" cy="33855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𝒇𝒐𝒐𝒕𝒃𝒂𝒍𝒍</m:t>
                          </m:r>
                        </m:e>
                      </m:d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47" name="TextBox 46">
                <a:extLst>
                  <a:ext uri="{FF2B5EF4-FFF2-40B4-BE49-F238E27FC236}">
                    <a16:creationId xmlns:a16="http://schemas.microsoft.com/office/drawing/2014/main" id="{E44F04FF-286D-487F-B415-8BE52C17CCE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0" y="4655622"/>
                <a:ext cx="1699811" cy="338554"/>
              </a:xfrm>
              <a:prstGeom prst="rect">
                <a:avLst/>
              </a:prstGeom>
              <a:blipFill>
                <a:blip r:embed="rId5"/>
                <a:stretch>
                  <a:fillRect b="-1090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2" name="TextBox 51">
                <a:extLst>
                  <a:ext uri="{FF2B5EF4-FFF2-40B4-BE49-F238E27FC236}">
                    <a16:creationId xmlns:a16="http://schemas.microsoft.com/office/drawing/2014/main" id="{4A7DE476-284F-4ADB-BDF2-9A8045CC65C7}"/>
                  </a:ext>
                </a:extLst>
              </p:cNvPr>
              <p:cNvSpPr txBox="1"/>
              <p:nvPr/>
            </p:nvSpPr>
            <p:spPr>
              <a:xfrm>
                <a:off x="1506678" y="4518738"/>
                <a:ext cx="457195" cy="57618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>
                        <m:fPr>
                          <m:ctrlP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/>
                        <m:den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𝟓𝟎</m:t>
                          </m:r>
                        </m:den>
                      </m:f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52" name="TextBox 51">
                <a:extLst>
                  <a:ext uri="{FF2B5EF4-FFF2-40B4-BE49-F238E27FC236}">
                    <a16:creationId xmlns:a16="http://schemas.microsoft.com/office/drawing/2014/main" id="{4A7DE476-284F-4ADB-BDF2-9A8045CC65C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506678" y="4518738"/>
                <a:ext cx="457195" cy="576183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3" name="TextBox 52">
                <a:extLst>
                  <a:ext uri="{FF2B5EF4-FFF2-40B4-BE49-F238E27FC236}">
                    <a16:creationId xmlns:a16="http://schemas.microsoft.com/office/drawing/2014/main" id="{4B77F12D-DB9B-4B89-B969-A99FBD732A8D}"/>
                  </a:ext>
                </a:extLst>
              </p:cNvPr>
              <p:cNvSpPr txBox="1"/>
              <p:nvPr/>
            </p:nvSpPr>
            <p:spPr>
              <a:xfrm>
                <a:off x="1497591" y="4504393"/>
                <a:ext cx="457195" cy="33855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600" b="1" i="1" dirty="0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𝟕</m:t>
                      </m:r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53" name="TextBox 52">
                <a:extLst>
                  <a:ext uri="{FF2B5EF4-FFF2-40B4-BE49-F238E27FC236}">
                    <a16:creationId xmlns:a16="http://schemas.microsoft.com/office/drawing/2014/main" id="{4B77F12D-DB9B-4B89-B969-A99FBD732A8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497591" y="4504393"/>
                <a:ext cx="457195" cy="338554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TextBox 53">
                <a:extLst>
                  <a:ext uri="{FF2B5EF4-FFF2-40B4-BE49-F238E27FC236}">
                    <a16:creationId xmlns:a16="http://schemas.microsoft.com/office/drawing/2014/main" id="{CE6DFD6B-4BA4-4D52-9F4D-6F0DD0476D7A}"/>
                  </a:ext>
                </a:extLst>
              </p:cNvPr>
              <p:cNvSpPr txBox="1"/>
              <p:nvPr/>
            </p:nvSpPr>
            <p:spPr>
              <a:xfrm>
                <a:off x="2598419" y="4670462"/>
                <a:ext cx="640055" cy="33855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𝟒</m:t>
                      </m:r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54" name="TextBox 53">
                <a:extLst>
                  <a:ext uri="{FF2B5EF4-FFF2-40B4-BE49-F238E27FC236}">
                    <a16:creationId xmlns:a16="http://schemas.microsoft.com/office/drawing/2014/main" id="{CE6DFD6B-4BA4-4D52-9F4D-6F0DD0476D7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598419" y="4670462"/>
                <a:ext cx="640055" cy="338554"/>
              </a:xfrm>
              <a:prstGeom prst="rect">
                <a:avLst/>
              </a:prstGeom>
              <a:blipFill>
                <a:blip r:embed="rId8"/>
                <a:stretch>
                  <a:fillRect r="-27619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77" name="TextBox 76">
                <a:extLst>
                  <a:ext uri="{FF2B5EF4-FFF2-40B4-BE49-F238E27FC236}">
                    <a16:creationId xmlns:a16="http://schemas.microsoft.com/office/drawing/2014/main" id="{7265F520-5941-4608-B867-A7CCD274EF80}"/>
                  </a:ext>
                </a:extLst>
              </p:cNvPr>
              <p:cNvSpPr txBox="1"/>
              <p:nvPr/>
            </p:nvSpPr>
            <p:spPr>
              <a:xfrm>
                <a:off x="1849578" y="4541598"/>
                <a:ext cx="732214" cy="57618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𝟒</m:t>
                          </m:r>
                        </m:num>
                        <m:den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77" name="TextBox 76">
                <a:extLst>
                  <a:ext uri="{FF2B5EF4-FFF2-40B4-BE49-F238E27FC236}">
                    <a16:creationId xmlns:a16="http://schemas.microsoft.com/office/drawing/2014/main" id="{7265F520-5941-4608-B867-A7CCD274EF8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849578" y="4541598"/>
                <a:ext cx="732214" cy="576183"/>
              </a:xfrm>
              <a:prstGeom prst="rect">
                <a:avLst/>
              </a:prstGeom>
              <a:blipFill>
                <a:blip r:embed="rId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79" name="Rounded Rectangle 56">
            <a:extLst>
              <a:ext uri="{FF2B5EF4-FFF2-40B4-BE49-F238E27FC236}">
                <a16:creationId xmlns:a16="http://schemas.microsoft.com/office/drawing/2014/main" id="{F48CD0EC-AFC4-433D-8E4E-744092BD8C10}"/>
              </a:ext>
            </a:extLst>
          </p:cNvPr>
          <p:cNvSpPr/>
          <p:nvPr/>
        </p:nvSpPr>
        <p:spPr bwMode="auto">
          <a:xfrm>
            <a:off x="3990975" y="4343400"/>
            <a:ext cx="476250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94" name="Rounded Rectangle 57">
            <a:extLst>
              <a:ext uri="{FF2B5EF4-FFF2-40B4-BE49-F238E27FC236}">
                <a16:creationId xmlns:a16="http://schemas.microsoft.com/office/drawing/2014/main" id="{5CCC3AEF-0596-454B-97C7-B7A958C31D28}"/>
              </a:ext>
            </a:extLst>
          </p:cNvPr>
          <p:cNvSpPr/>
          <p:nvPr/>
        </p:nvSpPr>
        <p:spPr bwMode="auto">
          <a:xfrm>
            <a:off x="282575" y="5532438"/>
            <a:ext cx="1793875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AF0CBB38-2FD6-4FA7-B233-76E020A91013}"/>
                  </a:ext>
                </a:extLst>
              </p:cNvPr>
              <p:cNvSpPr txBox="1"/>
              <p:nvPr/>
            </p:nvSpPr>
            <p:spPr>
              <a:xfrm>
                <a:off x="-45720" y="6051987"/>
                <a:ext cx="1781555" cy="2308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9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sz="9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9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𝒇𝒆𝒎𝒂𝒍𝒆</m:t>
                          </m:r>
                          <m:r>
                            <a:rPr lang="en-US" sz="9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9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𝒂𝒏𝒅</m:t>
                          </m:r>
                          <m:r>
                            <a:rPr lang="en-US" sz="9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9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𝒇𝒐𝒐𝒕𝒃𝒂𝒍𝒍</m:t>
                          </m:r>
                        </m:e>
                      </m:d>
                      <m:r>
                        <a:rPr lang="en-US" sz="9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5" name="TextBox 94">
                <a:extLst>
                  <a:ext uri="{FF2B5EF4-FFF2-40B4-BE49-F238E27FC236}">
                    <a16:creationId xmlns:a16="http://schemas.microsoft.com/office/drawing/2014/main" id="{AF0CBB38-2FD6-4FA7-B233-76E020A9101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-45720" y="6051987"/>
                <a:ext cx="1781555" cy="230832"/>
              </a:xfrm>
              <a:prstGeom prst="rect">
                <a:avLst/>
              </a:prstGeom>
              <a:blipFill>
                <a:blip r:embed="rId10"/>
                <a:stretch>
                  <a:fillRect b="-263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6" name="TextBox 95">
                <a:extLst>
                  <a:ext uri="{FF2B5EF4-FFF2-40B4-BE49-F238E27FC236}">
                    <a16:creationId xmlns:a16="http://schemas.microsoft.com/office/drawing/2014/main" id="{FA7B931C-67BB-4EBB-BC2B-A677EFA00449}"/>
                  </a:ext>
                </a:extLst>
              </p:cNvPr>
              <p:cNvSpPr txBox="1"/>
              <p:nvPr/>
            </p:nvSpPr>
            <p:spPr>
              <a:xfrm>
                <a:off x="1582878" y="5823663"/>
                <a:ext cx="457195" cy="63478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>
                        <m:fPr>
                          <m:ctrlP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/>
                        <m:den>
                          <m: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𝟓𝟎</m:t>
                          </m:r>
                        </m:den>
                      </m:f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6" name="TextBox 95">
                <a:extLst>
                  <a:ext uri="{FF2B5EF4-FFF2-40B4-BE49-F238E27FC236}">
                    <a16:creationId xmlns:a16="http://schemas.microsoft.com/office/drawing/2014/main" id="{FA7B931C-67BB-4EBB-BC2B-A677EFA0044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582878" y="5823663"/>
                <a:ext cx="457195" cy="634789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7" name="TextBox 96">
                <a:extLst>
                  <a:ext uri="{FF2B5EF4-FFF2-40B4-BE49-F238E27FC236}">
                    <a16:creationId xmlns:a16="http://schemas.microsoft.com/office/drawing/2014/main" id="{1B6EF3DA-F609-4300-B83D-B826B8C6267D}"/>
                  </a:ext>
                </a:extLst>
              </p:cNvPr>
              <p:cNvSpPr txBox="1"/>
              <p:nvPr/>
            </p:nvSpPr>
            <p:spPr>
              <a:xfrm>
                <a:off x="1581411" y="5809318"/>
                <a:ext cx="457195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dirty="0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𝟖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7" name="TextBox 96">
                <a:extLst>
                  <a:ext uri="{FF2B5EF4-FFF2-40B4-BE49-F238E27FC236}">
                    <a16:creationId xmlns:a16="http://schemas.microsoft.com/office/drawing/2014/main" id="{1B6EF3DA-F609-4300-B83D-B826B8C6267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581411" y="5809318"/>
                <a:ext cx="457195" cy="369332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4B08A84-64B0-44FB-9505-4247C7939C70}"/>
                  </a:ext>
                </a:extLst>
              </p:cNvPr>
              <p:cNvSpPr txBox="1"/>
              <p:nvPr/>
            </p:nvSpPr>
            <p:spPr>
              <a:xfrm>
                <a:off x="2331709" y="5960147"/>
                <a:ext cx="1280146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𝟔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8" name="TextBox 97">
                <a:extLst>
                  <a:ext uri="{FF2B5EF4-FFF2-40B4-BE49-F238E27FC236}">
                    <a16:creationId xmlns:a16="http://schemas.microsoft.com/office/drawing/2014/main" id="{C4B08A84-64B0-44FB-9505-4247C7939C7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331709" y="5960147"/>
                <a:ext cx="1280146" cy="369332"/>
              </a:xfrm>
              <a:prstGeom prst="rect">
                <a:avLst/>
              </a:prstGeom>
              <a:blipFill>
                <a:blip r:embed="rId1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99" name="Rounded Rectangle 58">
            <a:extLst>
              <a:ext uri="{FF2B5EF4-FFF2-40B4-BE49-F238E27FC236}">
                <a16:creationId xmlns:a16="http://schemas.microsoft.com/office/drawing/2014/main" id="{879D7249-EF7B-45F9-BD3F-27EB8A493AA5}"/>
              </a:ext>
            </a:extLst>
          </p:cNvPr>
          <p:cNvSpPr/>
          <p:nvPr/>
        </p:nvSpPr>
        <p:spPr bwMode="auto">
          <a:xfrm>
            <a:off x="3585368" y="5532438"/>
            <a:ext cx="1672236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square"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104" name="TextBox 103">
                <a:extLst>
                  <a:ext uri="{FF2B5EF4-FFF2-40B4-BE49-F238E27FC236}">
                    <a16:creationId xmlns:a16="http://schemas.microsoft.com/office/drawing/2014/main" id="{8A2384CC-0B6E-4EB8-A2B4-5E6A6DEC1EBF}"/>
                  </a:ext>
                </a:extLst>
              </p:cNvPr>
              <p:cNvSpPr txBox="1"/>
              <p:nvPr/>
            </p:nvSpPr>
            <p:spPr>
              <a:xfrm>
                <a:off x="3436620" y="4655622"/>
                <a:ext cx="1381443" cy="33855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left"/>
                    </m:oMathParaPr>
                    <m:oMath xmlns:m="http://schemas.openxmlformats.org/officeDocument/2006/math"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𝒔𝒐𝒄𝒄𝒆𝒓</m:t>
                          </m:r>
                        </m:e>
                      </m:d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4" name="TextBox 103">
                <a:extLst>
                  <a:ext uri="{FF2B5EF4-FFF2-40B4-BE49-F238E27FC236}">
                    <a16:creationId xmlns:a16="http://schemas.microsoft.com/office/drawing/2014/main" id="{8A2384CC-0B6E-4EB8-A2B4-5E6A6DEC1EB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36620" y="4655622"/>
                <a:ext cx="1381443" cy="338554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5" name="TextBox 104">
                <a:extLst>
                  <a:ext uri="{FF2B5EF4-FFF2-40B4-BE49-F238E27FC236}">
                    <a16:creationId xmlns:a16="http://schemas.microsoft.com/office/drawing/2014/main" id="{0E56178E-2FD3-4BBD-8E10-A5E407EF9A8B}"/>
                  </a:ext>
                </a:extLst>
              </p:cNvPr>
              <p:cNvSpPr txBox="1"/>
              <p:nvPr/>
            </p:nvSpPr>
            <p:spPr>
              <a:xfrm>
                <a:off x="4752798" y="4518738"/>
                <a:ext cx="457195" cy="57618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>
                        <m:fPr>
                          <m:ctrlP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/>
                        <m:den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𝟓𝟎</m:t>
                          </m:r>
                        </m:den>
                      </m:f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5" name="TextBox 104">
                <a:extLst>
                  <a:ext uri="{FF2B5EF4-FFF2-40B4-BE49-F238E27FC236}">
                    <a16:creationId xmlns:a16="http://schemas.microsoft.com/office/drawing/2014/main" id="{0E56178E-2FD3-4BBD-8E10-A5E407EF9A8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52798" y="4518738"/>
                <a:ext cx="457195" cy="576183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88ACA00E-BA1E-4929-A050-4EBB7B4C1901}"/>
                  </a:ext>
                </a:extLst>
              </p:cNvPr>
              <p:cNvSpPr txBox="1"/>
              <p:nvPr/>
            </p:nvSpPr>
            <p:spPr>
              <a:xfrm>
                <a:off x="4743711" y="4504393"/>
                <a:ext cx="457195" cy="33855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600" b="1" i="1" dirty="0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𝟖</m:t>
                      </m:r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6" name="TextBox 105">
                <a:extLst>
                  <a:ext uri="{FF2B5EF4-FFF2-40B4-BE49-F238E27FC236}">
                    <a16:creationId xmlns:a16="http://schemas.microsoft.com/office/drawing/2014/main" id="{88ACA00E-BA1E-4929-A050-4EBB7B4C190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743711" y="4504393"/>
                <a:ext cx="457195" cy="338554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7" name="TextBox 106">
                <a:extLst>
                  <a:ext uri="{FF2B5EF4-FFF2-40B4-BE49-F238E27FC236}">
                    <a16:creationId xmlns:a16="http://schemas.microsoft.com/office/drawing/2014/main" id="{F2BADFDE-BDB8-49C5-BA76-BD1633142474}"/>
                  </a:ext>
                </a:extLst>
              </p:cNvPr>
              <p:cNvSpPr txBox="1"/>
              <p:nvPr/>
            </p:nvSpPr>
            <p:spPr>
              <a:xfrm>
                <a:off x="5852159" y="4670462"/>
                <a:ext cx="790165" cy="338554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𝟔</m:t>
                      </m:r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7" name="TextBox 106">
                <a:extLst>
                  <a:ext uri="{FF2B5EF4-FFF2-40B4-BE49-F238E27FC236}">
                    <a16:creationId xmlns:a16="http://schemas.microsoft.com/office/drawing/2014/main" id="{F2BADFDE-BDB8-49C5-BA76-BD163314247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52159" y="4670462"/>
                <a:ext cx="790165" cy="338554"/>
              </a:xfrm>
              <a:prstGeom prst="rect">
                <a:avLst/>
              </a:prstGeom>
              <a:blipFill>
                <a:blip r:embed="rId17"/>
                <a:stretch>
                  <a:fillRect r="-2308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8" name="TextBox 107">
                <a:extLst>
                  <a:ext uri="{FF2B5EF4-FFF2-40B4-BE49-F238E27FC236}">
                    <a16:creationId xmlns:a16="http://schemas.microsoft.com/office/drawing/2014/main" id="{111E4082-1C01-4B8B-B24F-2B51ACA34E5E}"/>
                  </a:ext>
                </a:extLst>
              </p:cNvPr>
              <p:cNvSpPr txBox="1"/>
              <p:nvPr/>
            </p:nvSpPr>
            <p:spPr>
              <a:xfrm>
                <a:off x="5103318" y="4541598"/>
                <a:ext cx="732214" cy="57618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𝟔</m:t>
                          </m:r>
                        </m:num>
                        <m:den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8" name="TextBox 107">
                <a:extLst>
                  <a:ext uri="{FF2B5EF4-FFF2-40B4-BE49-F238E27FC236}">
                    <a16:creationId xmlns:a16="http://schemas.microsoft.com/office/drawing/2014/main" id="{111E4082-1C01-4B8B-B24F-2B51ACA34E5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03318" y="4541598"/>
                <a:ext cx="732214" cy="576183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380CDBB4-2D4E-460F-8B35-35095F58D3DF}"/>
                  </a:ext>
                </a:extLst>
              </p:cNvPr>
              <p:cNvSpPr txBox="1"/>
              <p:nvPr/>
            </p:nvSpPr>
            <p:spPr>
              <a:xfrm>
                <a:off x="1902918" y="5875098"/>
                <a:ext cx="732214" cy="57618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𝟏𝟔</m:t>
                          </m:r>
                        </m:num>
                        <m:den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09" name="TextBox 108">
                <a:extLst>
                  <a:ext uri="{FF2B5EF4-FFF2-40B4-BE49-F238E27FC236}">
                    <a16:creationId xmlns:a16="http://schemas.microsoft.com/office/drawing/2014/main" id="{380CDBB4-2D4E-460F-8B35-35095F58D3D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902918" y="5875098"/>
                <a:ext cx="732214" cy="576183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0" name="TextBox 109">
                <a:extLst>
                  <a:ext uri="{FF2B5EF4-FFF2-40B4-BE49-F238E27FC236}">
                    <a16:creationId xmlns:a16="http://schemas.microsoft.com/office/drawing/2014/main" id="{00F4BA1E-9BEF-431F-A3C3-B579CAC149D8}"/>
                  </a:ext>
                </a:extLst>
              </p:cNvPr>
              <p:cNvSpPr txBox="1"/>
              <p:nvPr/>
            </p:nvSpPr>
            <p:spPr>
              <a:xfrm>
                <a:off x="3383294" y="6051987"/>
                <a:ext cx="1834882" cy="27699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2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sz="12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2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𝒎𝒂𝒍𝒆</m:t>
                          </m:r>
                          <m:r>
                            <a:rPr lang="en-US" sz="12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2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𝒂𝒏𝒅</m:t>
                          </m:r>
                          <m:r>
                            <a:rPr lang="en-US" sz="12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2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𝒔𝒐𝒄𝒄𝒆𝒓</m:t>
                          </m:r>
                        </m:e>
                      </m:d>
                      <m:r>
                        <a:rPr lang="en-US" sz="12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10" name="TextBox 109">
                <a:extLst>
                  <a:ext uri="{FF2B5EF4-FFF2-40B4-BE49-F238E27FC236}">
                    <a16:creationId xmlns:a16="http://schemas.microsoft.com/office/drawing/2014/main" id="{00F4BA1E-9BEF-431F-A3C3-B579CAC149D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383294" y="6051987"/>
                <a:ext cx="1834882" cy="276999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1" name="TextBox 110">
                <a:extLst>
                  <a:ext uri="{FF2B5EF4-FFF2-40B4-BE49-F238E27FC236}">
                    <a16:creationId xmlns:a16="http://schemas.microsoft.com/office/drawing/2014/main" id="{A50850B7-7F99-4200-9AF4-600B6AB580FA}"/>
                  </a:ext>
                </a:extLst>
              </p:cNvPr>
              <p:cNvSpPr txBox="1"/>
              <p:nvPr/>
            </p:nvSpPr>
            <p:spPr>
              <a:xfrm>
                <a:off x="5065218" y="5823663"/>
                <a:ext cx="457195" cy="634789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f>
                        <m:fPr>
                          <m:ctrlP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/>
                        <m:den>
                          <m:r>
                            <a:rPr lang="en-US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𝟓𝟎</m:t>
                          </m:r>
                        </m:den>
                      </m:f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11" name="TextBox 110">
                <a:extLst>
                  <a:ext uri="{FF2B5EF4-FFF2-40B4-BE49-F238E27FC236}">
                    <a16:creationId xmlns:a16="http://schemas.microsoft.com/office/drawing/2014/main" id="{A50850B7-7F99-4200-9AF4-600B6AB580F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65218" y="5823663"/>
                <a:ext cx="457195" cy="634789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111032E6-4C66-4233-B968-3BB189CA0DF1}"/>
                  </a:ext>
                </a:extLst>
              </p:cNvPr>
              <p:cNvSpPr txBox="1"/>
              <p:nvPr/>
            </p:nvSpPr>
            <p:spPr>
              <a:xfrm>
                <a:off x="5063751" y="5809318"/>
                <a:ext cx="457195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dirty="0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12" name="TextBox 111">
                <a:extLst>
                  <a:ext uri="{FF2B5EF4-FFF2-40B4-BE49-F238E27FC236}">
                    <a16:creationId xmlns:a16="http://schemas.microsoft.com/office/drawing/2014/main" id="{111032E6-4C66-4233-B968-3BB189CA0DF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063751" y="5809318"/>
                <a:ext cx="457195" cy="369332"/>
              </a:xfrm>
              <a:prstGeom prst="rect">
                <a:avLst/>
              </a:prstGeom>
              <a:blipFill>
                <a:blip r:embed="rId2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3" name="TextBox 112">
                <a:extLst>
                  <a:ext uri="{FF2B5EF4-FFF2-40B4-BE49-F238E27FC236}">
                    <a16:creationId xmlns:a16="http://schemas.microsoft.com/office/drawing/2014/main" id="{C2DDC035-A0D3-4622-8DE6-99728B32270E}"/>
                  </a:ext>
                </a:extLst>
              </p:cNvPr>
              <p:cNvSpPr txBox="1"/>
              <p:nvPr/>
            </p:nvSpPr>
            <p:spPr>
              <a:xfrm>
                <a:off x="5814049" y="5960147"/>
                <a:ext cx="1280146" cy="36933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𝟐</m:t>
                      </m:r>
                    </m:oMath>
                  </m:oMathPara>
                </a14:m>
                <a:endParaRPr lang="en-US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13" name="TextBox 112">
                <a:extLst>
                  <a:ext uri="{FF2B5EF4-FFF2-40B4-BE49-F238E27FC236}">
                    <a16:creationId xmlns:a16="http://schemas.microsoft.com/office/drawing/2014/main" id="{C2DDC035-A0D3-4622-8DE6-99728B32270E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814049" y="5960147"/>
                <a:ext cx="1280146" cy="369332"/>
              </a:xfrm>
              <a:prstGeom prst="rect">
                <a:avLst/>
              </a:prstGeom>
              <a:blipFill>
                <a:blip r:embed="rId2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114" name="TextBox 113">
                <a:extLst>
                  <a:ext uri="{FF2B5EF4-FFF2-40B4-BE49-F238E27FC236}">
                    <a16:creationId xmlns:a16="http://schemas.microsoft.com/office/drawing/2014/main" id="{5A454604-D957-4D41-9CD7-AA9A012718C6}"/>
                  </a:ext>
                </a:extLst>
              </p:cNvPr>
              <p:cNvSpPr txBox="1"/>
              <p:nvPr/>
            </p:nvSpPr>
            <p:spPr>
              <a:xfrm>
                <a:off x="5385258" y="5875098"/>
                <a:ext cx="732214" cy="576183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600" b="1" i="1" smtClean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𝟏𝟐</m:t>
                          </m:r>
                        </m:num>
                        <m:den>
                          <m:r>
                            <a:rPr lang="en-US" sz="1600" b="1" i="1" smtClean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</m:oMath>
                  </m:oMathPara>
                </a14:m>
                <a:endParaRPr lang="en-US" sz="1600" b="1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114" name="TextBox 113">
                <a:extLst>
                  <a:ext uri="{FF2B5EF4-FFF2-40B4-BE49-F238E27FC236}">
                    <a16:creationId xmlns:a16="http://schemas.microsoft.com/office/drawing/2014/main" id="{5A454604-D957-4D41-9CD7-AA9A012718C6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385258" y="5875098"/>
                <a:ext cx="732214" cy="576183"/>
              </a:xfrm>
              <a:prstGeom prst="rect">
                <a:avLst/>
              </a:prstGeom>
              <a:blipFill>
                <a:blip r:embed="rId2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</p:cSld>
  <p:clrMapOvr>
    <a:masterClrMapping/>
  </p:clrMapOvr>
  <p:transition spd="slow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250"/>
                                        <p:tgtEl>
                                          <p:spTgt spid="4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7" dur="25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2" dur="25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37" dur="250"/>
                                        <p:tgtEl>
                                          <p:spTgt spid="7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42" dur="25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7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2" dur="25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>
                      <p:stCondLst>
                        <p:cond delay="indefinite"/>
                      </p:stCondLst>
                      <p:childTnLst>
                        <p:par>
                          <p:cTn id="54" fill="hold">
                            <p:stCondLst>
                              <p:cond delay="0"/>
                            </p:stCondLst>
                            <p:childTnLst>
                              <p:par>
                                <p:cTn id="5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57" dur="250"/>
                                        <p:tgtEl>
                                          <p:spTgt spid="10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>
                      <p:stCondLst>
                        <p:cond delay="indefinite"/>
                      </p:stCondLst>
                      <p:childTnLst>
                        <p:par>
                          <p:cTn id="59" fill="hold">
                            <p:stCondLst>
                              <p:cond delay="0"/>
                            </p:stCondLst>
                            <p:childTnLst>
                              <p:par>
                                <p:cTn id="6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2" dur="250"/>
                                        <p:tgtEl>
                                          <p:spTgt spid="10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>
                      <p:stCondLst>
                        <p:cond delay="indefinite"/>
                      </p:stCondLst>
                      <p:childTnLst>
                        <p:par>
                          <p:cTn id="64" fill="hold">
                            <p:stCondLst>
                              <p:cond delay="0"/>
                            </p:stCondLst>
                            <p:childTnLst>
                              <p:par>
                                <p:cTn id="6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67" dur="250"/>
                                        <p:tgtEl>
                                          <p:spTgt spid="10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2" dur="250"/>
                                        <p:tgtEl>
                                          <p:spTgt spid="10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>
                      <p:stCondLst>
                        <p:cond delay="indefinite"/>
                      </p:stCondLst>
                      <p:childTnLst>
                        <p:par>
                          <p:cTn id="74" fill="hold">
                            <p:stCondLst>
                              <p:cond delay="0"/>
                            </p:stCondLst>
                            <p:childTnLst>
                              <p:par>
                                <p:cTn id="7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7" dur="500"/>
                                        <p:tgtEl>
                                          <p:spTgt spid="9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>
                      <p:stCondLst>
                        <p:cond delay="indefinite"/>
                      </p:stCondLst>
                      <p:childTnLst>
                        <p:par>
                          <p:cTn id="79" fill="hold">
                            <p:stCondLst>
                              <p:cond delay="0"/>
                            </p:stCondLst>
                            <p:childTnLst>
                              <p:par>
                                <p:cTn id="8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250"/>
                                        <p:tgtEl>
                                          <p:spTgt spid="9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>
                      <p:stCondLst>
                        <p:cond delay="indefinite"/>
                      </p:stCondLst>
                      <p:childTnLst>
                        <p:par>
                          <p:cTn id="84" fill="hold">
                            <p:stCondLst>
                              <p:cond delay="0"/>
                            </p:stCondLst>
                            <p:childTnLst>
                              <p:par>
                                <p:cTn id="8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250"/>
                                        <p:tgtEl>
                                          <p:spTgt spid="9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>
                      <p:stCondLst>
                        <p:cond delay="indefinite"/>
                      </p:stCondLst>
                      <p:childTnLst>
                        <p:par>
                          <p:cTn id="89" fill="hold">
                            <p:stCondLst>
                              <p:cond delay="0"/>
                            </p:stCondLst>
                            <p:childTnLst>
                              <p:par>
                                <p:cTn id="9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2" dur="250"/>
                                        <p:tgtEl>
                                          <p:spTgt spid="9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>
                      <p:stCondLst>
                        <p:cond delay="indefinite"/>
                      </p:stCondLst>
                      <p:childTnLst>
                        <p:par>
                          <p:cTn id="94" fill="hold">
                            <p:stCondLst>
                              <p:cond delay="0"/>
                            </p:stCondLst>
                            <p:childTnLst>
                              <p:par>
                                <p:cTn id="9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7" dur="250"/>
                                        <p:tgtEl>
                                          <p:spTgt spid="10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8" fill="hold">
                      <p:stCondLst>
                        <p:cond delay="indefinite"/>
                      </p:stCondLst>
                      <p:childTnLst>
                        <p:par>
                          <p:cTn id="99" fill="hold">
                            <p:stCondLst>
                              <p:cond delay="0"/>
                            </p:stCondLst>
                            <p:childTnLst>
                              <p:par>
                                <p:cTn id="10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02" dur="250"/>
                                        <p:tgtEl>
                                          <p:spTgt spid="9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3" fill="hold">
                      <p:stCondLst>
                        <p:cond delay="indefinite"/>
                      </p:stCondLst>
                      <p:childTnLst>
                        <p:par>
                          <p:cTn id="104" fill="hold">
                            <p:stCondLst>
                              <p:cond delay="0"/>
                            </p:stCondLst>
                            <p:childTnLst>
                              <p:par>
                                <p:cTn id="10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7" dur="500"/>
                                        <p:tgtEl>
                                          <p:spTgt spid="9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>
                      <p:stCondLst>
                        <p:cond delay="indefinite"/>
                      </p:stCondLst>
                      <p:childTnLst>
                        <p:par>
                          <p:cTn id="109" fill="hold">
                            <p:stCondLst>
                              <p:cond delay="0"/>
                            </p:stCondLst>
                            <p:childTnLst>
                              <p:par>
                                <p:cTn id="11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2" dur="250"/>
                                        <p:tgtEl>
                                          <p:spTgt spid="1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3" fill="hold">
                      <p:stCondLst>
                        <p:cond delay="indefinite"/>
                      </p:stCondLst>
                      <p:childTnLst>
                        <p:par>
                          <p:cTn id="114" fill="hold">
                            <p:stCondLst>
                              <p:cond delay="0"/>
                            </p:stCondLst>
                            <p:childTnLst>
                              <p:par>
                                <p:cTn id="11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7" dur="250"/>
                                        <p:tgtEl>
                                          <p:spTgt spid="1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8" fill="hold">
                      <p:stCondLst>
                        <p:cond delay="indefinite"/>
                      </p:stCondLst>
                      <p:childTnLst>
                        <p:par>
                          <p:cTn id="119" fill="hold">
                            <p:stCondLst>
                              <p:cond delay="0"/>
                            </p:stCondLst>
                            <p:childTnLst>
                              <p:par>
                                <p:cTn id="12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2" dur="250"/>
                                        <p:tgtEl>
                                          <p:spTgt spid="1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3" fill="hold">
                      <p:stCondLst>
                        <p:cond delay="indefinite"/>
                      </p:stCondLst>
                      <p:childTnLst>
                        <p:par>
                          <p:cTn id="124" fill="hold">
                            <p:stCondLst>
                              <p:cond delay="0"/>
                            </p:stCondLst>
                            <p:childTnLst>
                              <p:par>
                                <p:cTn id="125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7" dur="250"/>
                                        <p:tgtEl>
                                          <p:spTgt spid="11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8" fill="hold">
                      <p:stCondLst>
                        <p:cond delay="indefinite"/>
                      </p:stCondLst>
                      <p:childTnLst>
                        <p:par>
                          <p:cTn id="129" fill="hold">
                            <p:stCondLst>
                              <p:cond delay="0"/>
                            </p:stCondLst>
                            <p:childTnLst>
                              <p:par>
                                <p:cTn id="130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32" dur="250"/>
                                        <p:tgtEl>
                                          <p:spTgt spid="11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6" grpId="0" animBg="1"/>
      <p:bldP spid="47" grpId="0"/>
      <p:bldP spid="52" grpId="0"/>
      <p:bldP spid="53" grpId="0"/>
      <p:bldP spid="54" grpId="0"/>
      <p:bldP spid="77" grpId="0"/>
      <p:bldP spid="79" grpId="0" animBg="1"/>
      <p:bldP spid="94" grpId="0" animBg="1"/>
      <p:bldP spid="95" grpId="0"/>
      <p:bldP spid="96" grpId="0"/>
      <p:bldP spid="97" grpId="0"/>
      <p:bldP spid="98" grpId="0"/>
      <p:bldP spid="99" grpId="0" animBg="1"/>
      <p:bldP spid="104" grpId="0"/>
      <p:bldP spid="105" grpId="0"/>
      <p:bldP spid="106" grpId="0"/>
      <p:bldP spid="107" grpId="0"/>
      <p:bldP spid="108" grpId="0"/>
      <p:bldP spid="109" grpId="0"/>
      <p:bldP spid="110" grpId="0"/>
      <p:bldP spid="111" grpId="0"/>
      <p:bldP spid="112" grpId="0"/>
      <p:bldP spid="113" grpId="0"/>
      <p:bldP spid="114" grpId="0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5126" name="Group 65"/>
          <p:cNvGrpSpPr>
            <a:grpSpLocks/>
          </p:cNvGrpSpPr>
          <p:nvPr/>
        </p:nvGrpSpPr>
        <p:grpSpPr bwMode="auto">
          <a:xfrm>
            <a:off x="169863" y="1389063"/>
            <a:ext cx="8686800" cy="39687"/>
            <a:chOff x="312862" y="969963"/>
            <a:chExt cx="8471606" cy="39687"/>
          </a:xfrm>
        </p:grpSpPr>
        <p:cxnSp>
          <p:nvCxnSpPr>
            <p:cNvPr id="194" name="Straight Connector 193"/>
            <p:cNvCxnSpPr/>
            <p:nvPr/>
          </p:nvCxnSpPr>
          <p:spPr bwMode="auto">
            <a:xfrm>
              <a:off x="312862" y="969963"/>
              <a:ext cx="8471606" cy="0"/>
            </a:xfrm>
            <a:prstGeom prst="line">
              <a:avLst/>
            </a:prstGeom>
            <a:ln w="19050">
              <a:solidFill>
                <a:schemeClr val="bg1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  <p:cxnSp>
          <p:nvCxnSpPr>
            <p:cNvPr id="195" name="Straight Connector 194"/>
            <p:cNvCxnSpPr/>
            <p:nvPr/>
          </p:nvCxnSpPr>
          <p:spPr bwMode="auto">
            <a:xfrm>
              <a:off x="312862" y="1009650"/>
              <a:ext cx="8471606" cy="0"/>
            </a:xfrm>
            <a:prstGeom prst="line">
              <a:avLst/>
            </a:prstGeom>
            <a:ln w="3175">
              <a:solidFill>
                <a:schemeClr val="bg1">
                  <a:lumMod val="75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  <p:sp>
        <p:nvSpPr>
          <p:cNvPr id="60" name="Rectangle 59"/>
          <p:cNvSpPr/>
          <p:nvPr/>
        </p:nvSpPr>
        <p:spPr>
          <a:xfrm>
            <a:off x="93663" y="111125"/>
            <a:ext cx="9005887" cy="44450"/>
          </a:xfrm>
          <a:prstGeom prst="rect">
            <a:avLst/>
          </a:prstGeom>
          <a:solidFill>
            <a:srgbClr val="21A8B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defTabSz="914363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3087" name="Rectangle 21"/>
          <p:cNvSpPr>
            <a:spLocks noChangeArrowheads="1"/>
          </p:cNvSpPr>
          <p:nvPr/>
        </p:nvSpPr>
        <p:spPr bwMode="auto">
          <a:xfrm>
            <a:off x="3175" y="247650"/>
            <a:ext cx="9005887" cy="10156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square">
            <a:spAutoFit/>
          </a:bodyPr>
          <a:lstStyle/>
          <a:p>
            <a:pPr defTabSz="914400">
              <a:defRPr/>
            </a:pPr>
            <a:r>
              <a:rPr lang="en-US" sz="2000" b="1" dirty="0">
                <a:solidFill>
                  <a:schemeClr val="tx2"/>
                </a:solidFill>
                <a:latin typeface="Century Gothic" panose="020B0502020202020204" pitchFamily="34" charset="0"/>
                <a:cs typeface="Times New Roman" pitchFamily="18" charset="0"/>
              </a:rPr>
              <a:t>Conditional probability</a:t>
            </a:r>
            <a:r>
              <a:rPr lang="en-US" sz="2000" dirty="0">
                <a:latin typeface="Century Gothic" panose="020B0502020202020204" pitchFamily="34" charset="0"/>
                <a:cs typeface="Times New Roman" pitchFamily="18" charset="0"/>
              </a:rPr>
              <a:t> is the chance, or likelihood of an outcome occurring given that </a:t>
            </a:r>
            <a:r>
              <a:rPr lang="en-US" sz="2000" b="1" dirty="0">
                <a:latin typeface="Century Gothic" panose="020B0502020202020204" pitchFamily="34" charset="0"/>
                <a:cs typeface="Times New Roman" pitchFamily="18" charset="0"/>
              </a:rPr>
              <a:t>another event (or condition) has already occurred</a:t>
            </a:r>
            <a:r>
              <a:rPr lang="en-US" sz="2000" dirty="0">
                <a:latin typeface="Century Gothic" panose="020B0502020202020204" pitchFamily="34" charset="0"/>
                <a:cs typeface="Times New Roman" pitchFamily="18" charset="0"/>
              </a:rPr>
              <a:t>.</a:t>
            </a:r>
            <a:endParaRPr lang="en-US" sz="2000" i="1" dirty="0">
              <a:solidFill>
                <a:srgbClr val="000000"/>
              </a:solidFill>
              <a:latin typeface="Gill Sans MT" panose="020B0502020104020203" pitchFamily="34" charset="0"/>
              <a:cs typeface="+mn-cs"/>
            </a:endParaRPr>
          </a:p>
        </p:txBody>
      </p:sp>
      <p:grpSp>
        <p:nvGrpSpPr>
          <p:cNvPr id="5129" name="Group 1"/>
          <p:cNvGrpSpPr>
            <a:grpSpLocks/>
          </p:cNvGrpSpPr>
          <p:nvPr/>
        </p:nvGrpSpPr>
        <p:grpSpPr bwMode="auto">
          <a:xfrm>
            <a:off x="6492219" y="4013200"/>
            <a:ext cx="2448581" cy="2513013"/>
            <a:chOff x="6492219" y="1057275"/>
            <a:chExt cx="2448581" cy="2513332"/>
          </a:xfrm>
        </p:grpSpPr>
        <p:sp>
          <p:nvSpPr>
            <p:cNvPr id="115" name="Rectangle 114"/>
            <p:cNvSpPr/>
            <p:nvPr/>
          </p:nvSpPr>
          <p:spPr bwMode="auto">
            <a:xfrm>
              <a:off x="6492219" y="1065214"/>
              <a:ext cx="2448581" cy="2505393"/>
            </a:xfrm>
            <a:prstGeom prst="rect">
              <a:avLst/>
            </a:prstGeom>
            <a:gradFill flip="none" rotWithShape="1">
              <a:gsLst>
                <a:gs pos="0">
                  <a:srgbClr val="C0ECFC"/>
                </a:gs>
                <a:gs pos="32000">
                  <a:srgbClr val="F7FDFF"/>
                </a:gs>
                <a:gs pos="100000">
                  <a:srgbClr val="FFFFFF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square" tIns="301752" rIns="45720">
              <a:spAutoFit/>
            </a:bodyPr>
            <a:lstStyle/>
            <a:p>
              <a:pPr defTabSz="914400">
                <a:defRPr/>
              </a:pPr>
              <a:r>
                <a:rPr lang="en-US" sz="1000" dirty="0">
                  <a:solidFill>
                    <a:schemeClr val="tx1"/>
                  </a:solidFill>
                  <a:latin typeface="Verdana" pitchFamily="34" charset="0"/>
                  <a:cs typeface="Arial" charset="0"/>
                </a:rPr>
                <a:t>Which equation represents the conditional probability of students who favor </a:t>
              </a:r>
              <a:r>
                <a:rPr lang="en-US" sz="1100" b="1" dirty="0">
                  <a:solidFill>
                    <a:schemeClr val="tx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math</a:t>
              </a:r>
              <a:r>
                <a:rPr lang="en-US" sz="1000" dirty="0">
                  <a:solidFill>
                    <a:schemeClr val="tx1"/>
                  </a:solidFill>
                  <a:latin typeface="Verdana" pitchFamily="34" charset="0"/>
                  <a:cs typeface="Arial" charset="0"/>
                </a:rPr>
                <a:t> given that the student is in </a:t>
              </a:r>
              <a:r>
                <a:rPr lang="en-US" sz="1100" b="1" dirty="0">
                  <a:solidFill>
                    <a:schemeClr val="tx1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ninth grade</a:t>
              </a:r>
              <a:r>
                <a:rPr lang="en-US" sz="1000" dirty="0">
                  <a:solidFill>
                    <a:schemeClr val="tx1"/>
                  </a:solidFill>
                  <a:latin typeface="Verdana" pitchFamily="34" charset="0"/>
                  <a:cs typeface="Arial" charset="0"/>
                </a:rPr>
                <a:t>? </a:t>
              </a:r>
            </a:p>
            <a:p>
              <a:pPr defTabSz="914400">
                <a:defRPr/>
              </a:pPr>
              <a:r>
                <a:rPr lang="en-US" sz="1000" dirty="0">
                  <a:solidFill>
                    <a:schemeClr val="tx1"/>
                  </a:solidFill>
                  <a:latin typeface="Verdana" pitchFamily="34" charset="0"/>
                  <a:cs typeface="Arial" charset="0"/>
                </a:rPr>
                <a:t>How do you know?</a:t>
              </a:r>
            </a:p>
            <a:p>
              <a:pPr defTabSz="914400">
                <a:defRPr/>
              </a:pP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  <a:p>
              <a:pPr defTabSz="914400">
                <a:defRPr/>
              </a:pP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  <a:p>
              <a:pPr defTabSz="914400">
                <a:defRPr/>
              </a:pPr>
              <a:r>
                <a:rPr lang="en-US" sz="1100" dirty="0">
                  <a:solidFill>
                    <a:srgbClr val="000000"/>
                  </a:solidFill>
                  <a:latin typeface="Arial" pitchFamily="34" charset="0"/>
                  <a:cs typeface="Arial" charset="0"/>
                </a:rPr>
                <a:t>A  </a:t>
              </a:r>
            </a:p>
            <a:p>
              <a:pPr defTabSz="914400">
                <a:defRPr/>
              </a:pP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  <a:p>
              <a:pPr defTabSz="914400">
                <a:defRPr/>
              </a:pP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  <a:p>
              <a:pPr defTabSz="914400">
                <a:defRPr/>
              </a:pPr>
              <a:endParaRPr lang="en-US" sz="1100" dirty="0">
                <a:solidFill>
                  <a:srgbClr val="000000"/>
                </a:solidFill>
                <a:latin typeface="Arial" pitchFamily="34" charset="0"/>
                <a:cs typeface="Arial" charset="0"/>
              </a:endParaRPr>
            </a:p>
            <a:p>
              <a:pPr defTabSz="914400">
                <a:defRPr/>
              </a:pPr>
              <a:r>
                <a:rPr lang="en-US" sz="1100" dirty="0">
                  <a:solidFill>
                    <a:srgbClr val="000000"/>
                  </a:solidFill>
                  <a:latin typeface="Arial" pitchFamily="34" charset="0"/>
                  <a:cs typeface="Arial" charset="0"/>
                </a:rPr>
                <a:t>B   </a:t>
              </a:r>
            </a:p>
            <a:p>
              <a:pPr defTabSz="914400">
                <a:defRPr/>
              </a:pPr>
              <a:endParaRPr lang="en-US" sz="1000" dirty="0">
                <a:solidFill>
                  <a:srgbClr val="808080"/>
                </a:solidFill>
                <a:latin typeface="Verdana" pitchFamily="34" charset="0"/>
                <a:cs typeface="Arial" charset="0"/>
              </a:endParaRPr>
            </a:p>
          </p:txBody>
        </p:sp>
        <p:sp>
          <p:nvSpPr>
            <p:cNvPr id="118" name="Rectangle 117"/>
            <p:cNvSpPr/>
            <p:nvPr/>
          </p:nvSpPr>
          <p:spPr bwMode="auto">
            <a:xfrm>
              <a:off x="6492219" y="1057275"/>
              <a:ext cx="2448581" cy="220691"/>
            </a:xfrm>
            <a:prstGeom prst="rect">
              <a:avLst/>
            </a:prstGeom>
            <a:solidFill>
              <a:srgbClr val="FF9800"/>
            </a:solidFill>
            <a:ln w="3175">
              <a:noFill/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1000" b="1" dirty="0">
                  <a:solidFill>
                    <a:prstClr val="white"/>
                  </a:solidFill>
                  <a:latin typeface="Gill Sans MT" pitchFamily="34" charset="0"/>
                </a:rPr>
                <a:t>CFU</a:t>
              </a:r>
            </a:p>
          </p:txBody>
        </p:sp>
      </p:grpSp>
      <p:sp>
        <p:nvSpPr>
          <p:cNvPr id="176" name="Oval 63"/>
          <p:cNvSpPr>
            <a:spLocks noChangeArrowheads="1"/>
          </p:cNvSpPr>
          <p:nvPr/>
        </p:nvSpPr>
        <p:spPr bwMode="auto">
          <a:xfrm>
            <a:off x="6537142" y="5447507"/>
            <a:ext cx="198437" cy="200025"/>
          </a:xfrm>
          <a:prstGeom prst="ellipse">
            <a:avLst/>
          </a:prstGeom>
          <a:noFill/>
          <a:ln w="19050">
            <a:solidFill>
              <a:srgbClr val="FF0000"/>
            </a:solidFill>
            <a:round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anchor="ctr"/>
          <a:lstStyle/>
          <a:p>
            <a:pPr fontAlgn="auto">
              <a:spcBef>
                <a:spcPts val="0"/>
              </a:spcBef>
              <a:spcAft>
                <a:spcPts val="0"/>
              </a:spcAft>
              <a:defRPr/>
            </a:pPr>
            <a:endParaRPr lang="en-US" sz="1000" kern="0">
              <a:solidFill>
                <a:sysClr val="windowText" lastClr="000000"/>
              </a:solidFill>
              <a:cs typeface="Arial" charset="0"/>
            </a:endParaRPr>
          </a:p>
        </p:txBody>
      </p:sp>
      <p:graphicFrame>
        <p:nvGraphicFramePr>
          <p:cNvPr id="55" name="Table 5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918498971"/>
              </p:ext>
            </p:extLst>
          </p:nvPr>
        </p:nvGraphicFramePr>
        <p:xfrm>
          <a:off x="493713" y="3897313"/>
          <a:ext cx="5632450" cy="2243136"/>
        </p:xfrm>
        <a:graphic>
          <a:graphicData uri="http://schemas.openxmlformats.org/drawingml/2006/table">
            <a:tbl>
              <a:tblPr firstRow="1" firstCol="1" bandRow="1"/>
              <a:tblGrid>
                <a:gridCol w="1043045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12127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215148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1126490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1126490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373856">
                <a:tc>
                  <a:txBody>
                    <a:bodyPr/>
                    <a:lstStyle/>
                    <a:p>
                      <a:pPr marL="0" marR="0" algn="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Math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Science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English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  <a:r>
                        <a:rPr lang="en-US" sz="16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4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  <a:r>
                        <a:rPr lang="en-US" sz="16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4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20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1</a:t>
                      </a:r>
                      <a:r>
                        <a:rPr lang="en-US" sz="16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3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7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32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  <a:r>
                        <a:rPr lang="en-US" sz="1600" baseline="30000" dirty="0">
                          <a:effectLst/>
                          <a:latin typeface="Gill Sans MT" pitchFamily="34" charset="0"/>
                          <a:ea typeface="Times New Roman"/>
                        </a:rPr>
                        <a:t>th</a:t>
                      </a:r>
                      <a:endParaRPr lang="en-US" sz="16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15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8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2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4"/>
                  </a:ext>
                </a:extLst>
              </a:tr>
              <a:tr h="373856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3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32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dirty="0">
                          <a:effectLst/>
                          <a:latin typeface="Gill Sans MT" pitchFamily="34" charset="0"/>
                          <a:ea typeface="Times New Roman"/>
                        </a:rPr>
                        <a:t>29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600" b="1" dirty="0">
                          <a:solidFill>
                            <a:schemeClr val="accent3">
                              <a:lumMod val="50000"/>
                            </a:schemeClr>
                          </a:solidFill>
                          <a:effectLst/>
                          <a:latin typeface="Gill Sans MT" pitchFamily="34" charset="0"/>
                          <a:ea typeface="Times New Roman"/>
                        </a:rPr>
                        <a:t>100</a:t>
                      </a:r>
                    </a:p>
                  </a:txBody>
                  <a:tcPr marL="36585" marR="36585" marT="36574" marB="36574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5"/>
                  </a:ext>
                </a:extLst>
              </a:tr>
            </a:tbl>
          </a:graphicData>
        </a:graphic>
      </p:graphicFrame>
      <p:sp>
        <p:nvSpPr>
          <p:cNvPr id="59" name="Pentagon 58"/>
          <p:cNvSpPr/>
          <p:nvPr/>
        </p:nvSpPr>
        <p:spPr bwMode="auto">
          <a:xfrm>
            <a:off x="0" y="0"/>
            <a:ext cx="2212975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Concept Development</a:t>
            </a:r>
          </a:p>
        </p:txBody>
      </p:sp>
      <p:sp>
        <p:nvSpPr>
          <p:cNvPr id="62" name="Rectangle 61"/>
          <p:cNvSpPr/>
          <p:nvPr/>
        </p:nvSpPr>
        <p:spPr bwMode="auto">
          <a:xfrm>
            <a:off x="503238" y="4652963"/>
            <a:ext cx="5622925" cy="365125"/>
          </a:xfrm>
          <a:prstGeom prst="rect">
            <a:avLst/>
          </a:prstGeom>
          <a:solidFill>
            <a:srgbClr val="7030A0">
              <a:alpha val="30196"/>
            </a:srgbClr>
          </a:solidFill>
          <a:ln>
            <a:noFill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65" name="Rectangle 64"/>
          <p:cNvSpPr/>
          <p:nvPr/>
        </p:nvSpPr>
        <p:spPr bwMode="auto">
          <a:xfrm>
            <a:off x="2652713" y="3895725"/>
            <a:ext cx="1223962" cy="749300"/>
          </a:xfrm>
          <a:prstGeom prst="rect">
            <a:avLst/>
          </a:prstGeom>
          <a:solidFill>
            <a:srgbClr val="7030A0">
              <a:alpha val="30196"/>
            </a:srgbClr>
          </a:solidFill>
          <a:ln>
            <a:noFill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66" name="Rectangle 65"/>
          <p:cNvSpPr/>
          <p:nvPr/>
        </p:nvSpPr>
        <p:spPr bwMode="auto">
          <a:xfrm>
            <a:off x="2652713" y="5011738"/>
            <a:ext cx="1223962" cy="1125537"/>
          </a:xfrm>
          <a:prstGeom prst="rect">
            <a:avLst/>
          </a:prstGeom>
          <a:solidFill>
            <a:srgbClr val="7030A0">
              <a:alpha val="30196"/>
            </a:srgbClr>
          </a:solidFill>
          <a:ln>
            <a:noFill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63" name="Rectangle 62"/>
          <p:cNvSpPr/>
          <p:nvPr/>
        </p:nvSpPr>
        <p:spPr bwMode="auto">
          <a:xfrm>
            <a:off x="2654300" y="4651375"/>
            <a:ext cx="1222375" cy="365125"/>
          </a:xfrm>
          <a:prstGeom prst="rect">
            <a:avLst/>
          </a:prstGeom>
          <a:solidFill>
            <a:srgbClr val="7030A0">
              <a:alpha val="30196"/>
            </a:srgbClr>
          </a:solidFill>
          <a:ln>
            <a:noFill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24" name="Rectangle 23"/>
          <p:cNvSpPr/>
          <p:nvPr/>
        </p:nvSpPr>
        <p:spPr bwMode="auto">
          <a:xfrm>
            <a:off x="4997450" y="4652963"/>
            <a:ext cx="1128713" cy="365125"/>
          </a:xfrm>
          <a:prstGeom prst="rect">
            <a:avLst/>
          </a:prstGeom>
          <a:solidFill>
            <a:srgbClr val="7030A0">
              <a:alpha val="30196"/>
            </a:srgbClr>
          </a:solidFill>
          <a:ln>
            <a:noFill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25" name="Rectangle 24"/>
          <p:cNvSpPr/>
          <p:nvPr/>
        </p:nvSpPr>
        <p:spPr bwMode="auto">
          <a:xfrm>
            <a:off x="503238" y="4651375"/>
            <a:ext cx="4494212" cy="365125"/>
          </a:xfrm>
          <a:prstGeom prst="rect">
            <a:avLst/>
          </a:prstGeom>
          <a:solidFill>
            <a:srgbClr val="7030A0">
              <a:alpha val="30196"/>
            </a:srgbClr>
          </a:solidFill>
          <a:ln>
            <a:noFill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grpSp>
        <p:nvGrpSpPr>
          <p:cNvPr id="5197" name="Group 46"/>
          <p:cNvGrpSpPr>
            <a:grpSpLocks/>
          </p:cNvGrpSpPr>
          <p:nvPr/>
        </p:nvGrpSpPr>
        <p:grpSpPr bwMode="auto">
          <a:xfrm>
            <a:off x="6959599" y="845213"/>
            <a:ext cx="2014538" cy="1277938"/>
            <a:chOff x="6825951" y="1543645"/>
            <a:chExt cx="2014142" cy="1278322"/>
          </a:xfrm>
        </p:grpSpPr>
        <p:sp>
          <p:nvSpPr>
            <p:cNvPr id="48" name="Rectangle 21"/>
            <p:cNvSpPr/>
            <p:nvPr/>
          </p:nvSpPr>
          <p:spPr bwMode="auto">
            <a:xfrm>
              <a:off x="6825951" y="1653216"/>
              <a:ext cx="2014142" cy="1168751"/>
            </a:xfrm>
            <a:custGeom>
              <a:avLst/>
              <a:gdLst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  <a:gd name="connsiteX0" fmla="*/ 0 w 2148868"/>
                <a:gd name="connsiteY0" fmla="*/ 0 h 1694881"/>
                <a:gd name="connsiteX1" fmla="*/ 2148868 w 2148868"/>
                <a:gd name="connsiteY1" fmla="*/ 0 h 1694881"/>
                <a:gd name="connsiteX2" fmla="*/ 2148868 w 2148868"/>
                <a:gd name="connsiteY2" fmla="*/ 1694881 h 1694881"/>
                <a:gd name="connsiteX3" fmla="*/ 0 w 2148868"/>
                <a:gd name="connsiteY3" fmla="*/ 1694881 h 1694881"/>
                <a:gd name="connsiteX4" fmla="*/ 0 w 2148868"/>
                <a:gd name="connsiteY4" fmla="*/ 0 h 1694881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2148868" h="1694881">
                  <a:moveTo>
                    <a:pt x="0" y="0"/>
                  </a:moveTo>
                  <a:lnTo>
                    <a:pt x="2148868" y="0"/>
                  </a:lnTo>
                  <a:cubicBezTo>
                    <a:pt x="2134580" y="564960"/>
                    <a:pt x="2135533" y="1048958"/>
                    <a:pt x="2148868" y="1694881"/>
                  </a:cubicBezTo>
                  <a:cubicBezTo>
                    <a:pt x="1440199" y="1672021"/>
                    <a:pt x="716289" y="1664401"/>
                    <a:pt x="0" y="1694881"/>
                  </a:cubicBezTo>
                  <a:cubicBezTo>
                    <a:pt x="7620" y="1129921"/>
                    <a:pt x="15240" y="564960"/>
                    <a:pt x="0" y="0"/>
                  </a:cubicBezTo>
                  <a:close/>
                </a:path>
              </a:pathLst>
            </a:custGeom>
            <a:gradFill flip="none" rotWithShape="1">
              <a:gsLst>
                <a:gs pos="17000">
                  <a:srgbClr val="FAF9D6"/>
                </a:gs>
                <a:gs pos="50000">
                  <a:srgbClr val="FFFEE2"/>
                </a:gs>
                <a:gs pos="88000">
                  <a:srgbClr val="FEFDC7"/>
                </a:gs>
              </a:gsLst>
              <a:lin ang="2700000" scaled="1"/>
              <a:tileRect/>
            </a:gradFill>
            <a:ln>
              <a:noFill/>
            </a:ln>
            <a:effectLst>
              <a:outerShdw blurRad="50800" dist="38100" algn="l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dirty="0"/>
                <a:t> </a:t>
              </a:r>
            </a:p>
          </p:txBody>
        </p:sp>
        <p:sp>
          <p:nvSpPr>
            <p:cNvPr id="49" name="Tape"/>
            <p:cNvSpPr/>
            <p:nvPr/>
          </p:nvSpPr>
          <p:spPr bwMode="auto">
            <a:xfrm rot="5400000">
              <a:off x="7722657" y="1386569"/>
              <a:ext cx="220729" cy="534883"/>
            </a:xfrm>
            <a:custGeom>
              <a:avLst/>
              <a:gdLst>
                <a:gd name="connsiteX0" fmla="*/ 0 w 234247"/>
                <a:gd name="connsiteY0" fmla="*/ 0 h 920626"/>
                <a:gd name="connsiteX1" fmla="*/ 234247 w 234247"/>
                <a:gd name="connsiteY1" fmla="*/ 0 h 920626"/>
                <a:gd name="connsiteX2" fmla="*/ 234247 w 234247"/>
                <a:gd name="connsiteY2" fmla="*/ 920626 h 920626"/>
                <a:gd name="connsiteX3" fmla="*/ 0 w 234247"/>
                <a:gd name="connsiteY3" fmla="*/ 920626 h 920626"/>
                <a:gd name="connsiteX4" fmla="*/ 0 w 234247"/>
                <a:gd name="connsiteY4" fmla="*/ 0 h 920626"/>
                <a:gd name="connsiteX0" fmla="*/ 0 w 234247"/>
                <a:gd name="connsiteY0" fmla="*/ 0 h 920626"/>
                <a:gd name="connsiteX1" fmla="*/ 62185 w 234247"/>
                <a:gd name="connsiteY1" fmla="*/ 4637 h 920626"/>
                <a:gd name="connsiteX2" fmla="*/ 234247 w 234247"/>
                <a:gd name="connsiteY2" fmla="*/ 0 h 920626"/>
                <a:gd name="connsiteX3" fmla="*/ 234247 w 234247"/>
                <a:gd name="connsiteY3" fmla="*/ 920626 h 920626"/>
                <a:gd name="connsiteX4" fmla="*/ 0 w 234247"/>
                <a:gd name="connsiteY4" fmla="*/ 920626 h 920626"/>
                <a:gd name="connsiteX5" fmla="*/ 0 w 234247"/>
                <a:gd name="connsiteY5" fmla="*/ 0 h 920626"/>
                <a:gd name="connsiteX0" fmla="*/ 0 w 234247"/>
                <a:gd name="connsiteY0" fmla="*/ 0 h 920626"/>
                <a:gd name="connsiteX1" fmla="*/ 62185 w 234247"/>
                <a:gd name="connsiteY1" fmla="*/ 26860 h 920626"/>
                <a:gd name="connsiteX2" fmla="*/ 234247 w 234247"/>
                <a:gd name="connsiteY2" fmla="*/ 0 h 920626"/>
                <a:gd name="connsiteX3" fmla="*/ 234247 w 234247"/>
                <a:gd name="connsiteY3" fmla="*/ 920626 h 920626"/>
                <a:gd name="connsiteX4" fmla="*/ 0 w 234247"/>
                <a:gd name="connsiteY4" fmla="*/ 920626 h 920626"/>
                <a:gd name="connsiteX5" fmla="*/ 0 w 234247"/>
                <a:gd name="connsiteY5" fmla="*/ 0 h 920626"/>
                <a:gd name="connsiteX0" fmla="*/ 0 w 234247"/>
                <a:gd name="connsiteY0" fmla="*/ 0 h 920626"/>
                <a:gd name="connsiteX1" fmla="*/ 62185 w 234247"/>
                <a:gd name="connsiteY1" fmla="*/ 26860 h 920626"/>
                <a:gd name="connsiteX2" fmla="*/ 138385 w 234247"/>
                <a:gd name="connsiteY2" fmla="*/ 14162 h 920626"/>
                <a:gd name="connsiteX3" fmla="*/ 234247 w 234247"/>
                <a:gd name="connsiteY3" fmla="*/ 0 h 920626"/>
                <a:gd name="connsiteX4" fmla="*/ 234247 w 234247"/>
                <a:gd name="connsiteY4" fmla="*/ 920626 h 920626"/>
                <a:gd name="connsiteX5" fmla="*/ 0 w 234247"/>
                <a:gd name="connsiteY5" fmla="*/ 920626 h 920626"/>
                <a:gd name="connsiteX6" fmla="*/ 0 w 234247"/>
                <a:gd name="connsiteY6" fmla="*/ 0 h 920626"/>
                <a:gd name="connsiteX0" fmla="*/ 0 w 234247"/>
                <a:gd name="connsiteY0" fmla="*/ 8066 h 928692"/>
                <a:gd name="connsiteX1" fmla="*/ 62185 w 234247"/>
                <a:gd name="connsiteY1" fmla="*/ 34926 h 928692"/>
                <a:gd name="connsiteX2" fmla="*/ 112988 w 234247"/>
                <a:gd name="connsiteY2" fmla="*/ 0 h 928692"/>
                <a:gd name="connsiteX3" fmla="*/ 234247 w 234247"/>
                <a:gd name="connsiteY3" fmla="*/ 8066 h 928692"/>
                <a:gd name="connsiteX4" fmla="*/ 234247 w 234247"/>
                <a:gd name="connsiteY4" fmla="*/ 928692 h 928692"/>
                <a:gd name="connsiteX5" fmla="*/ 0 w 234247"/>
                <a:gd name="connsiteY5" fmla="*/ 928692 h 928692"/>
                <a:gd name="connsiteX6" fmla="*/ 0 w 234247"/>
                <a:gd name="connsiteY6" fmla="*/ 8066 h 928692"/>
                <a:gd name="connsiteX0" fmla="*/ 0 w 234247"/>
                <a:gd name="connsiteY0" fmla="*/ 8066 h 928692"/>
                <a:gd name="connsiteX1" fmla="*/ 62185 w 234247"/>
                <a:gd name="connsiteY1" fmla="*/ 34926 h 928692"/>
                <a:gd name="connsiteX2" fmla="*/ 112988 w 234247"/>
                <a:gd name="connsiteY2" fmla="*/ 0 h 928692"/>
                <a:gd name="connsiteX3" fmla="*/ 179660 w 234247"/>
                <a:gd name="connsiteY3" fmla="*/ 3 h 928692"/>
                <a:gd name="connsiteX4" fmla="*/ 234247 w 234247"/>
                <a:gd name="connsiteY4" fmla="*/ 8066 h 928692"/>
                <a:gd name="connsiteX5" fmla="*/ 234247 w 234247"/>
                <a:gd name="connsiteY5" fmla="*/ 928692 h 928692"/>
                <a:gd name="connsiteX6" fmla="*/ 0 w 234247"/>
                <a:gd name="connsiteY6" fmla="*/ 928692 h 928692"/>
                <a:gd name="connsiteX7" fmla="*/ 0 w 234247"/>
                <a:gd name="connsiteY7" fmla="*/ 8066 h 928692"/>
                <a:gd name="connsiteX0" fmla="*/ 0 w 234247"/>
                <a:gd name="connsiteY0" fmla="*/ 8066 h 928692"/>
                <a:gd name="connsiteX1" fmla="*/ 62185 w 234247"/>
                <a:gd name="connsiteY1" fmla="*/ 34926 h 928692"/>
                <a:gd name="connsiteX2" fmla="*/ 112988 w 234247"/>
                <a:gd name="connsiteY2" fmla="*/ 0 h 928692"/>
                <a:gd name="connsiteX3" fmla="*/ 176488 w 234247"/>
                <a:gd name="connsiteY3" fmla="*/ 19051 h 928692"/>
                <a:gd name="connsiteX4" fmla="*/ 234247 w 234247"/>
                <a:gd name="connsiteY4" fmla="*/ 8066 h 928692"/>
                <a:gd name="connsiteX5" fmla="*/ 234247 w 234247"/>
                <a:gd name="connsiteY5" fmla="*/ 928692 h 928692"/>
                <a:gd name="connsiteX6" fmla="*/ 0 w 234247"/>
                <a:gd name="connsiteY6" fmla="*/ 928692 h 928692"/>
                <a:gd name="connsiteX7" fmla="*/ 0 w 234247"/>
                <a:gd name="connsiteY7" fmla="*/ 8066 h 928692"/>
                <a:gd name="connsiteX0" fmla="*/ 0 w 234247"/>
                <a:gd name="connsiteY0" fmla="*/ 8066 h 928692"/>
                <a:gd name="connsiteX1" fmla="*/ 65360 w 234247"/>
                <a:gd name="connsiteY1" fmla="*/ 19049 h 928692"/>
                <a:gd name="connsiteX2" fmla="*/ 112988 w 234247"/>
                <a:gd name="connsiteY2" fmla="*/ 0 h 928692"/>
                <a:gd name="connsiteX3" fmla="*/ 176488 w 234247"/>
                <a:gd name="connsiteY3" fmla="*/ 19051 h 928692"/>
                <a:gd name="connsiteX4" fmla="*/ 234247 w 234247"/>
                <a:gd name="connsiteY4" fmla="*/ 8066 h 928692"/>
                <a:gd name="connsiteX5" fmla="*/ 234247 w 234247"/>
                <a:gd name="connsiteY5" fmla="*/ 928692 h 928692"/>
                <a:gd name="connsiteX6" fmla="*/ 0 w 234247"/>
                <a:gd name="connsiteY6" fmla="*/ 928692 h 928692"/>
                <a:gd name="connsiteX7" fmla="*/ 0 w 234247"/>
                <a:gd name="connsiteY7" fmla="*/ 8066 h 928692"/>
                <a:gd name="connsiteX0" fmla="*/ 0 w 234247"/>
                <a:gd name="connsiteY0" fmla="*/ 8066 h 928692"/>
                <a:gd name="connsiteX1" fmla="*/ 65360 w 234247"/>
                <a:gd name="connsiteY1" fmla="*/ 19049 h 928692"/>
                <a:gd name="connsiteX2" fmla="*/ 112988 w 234247"/>
                <a:gd name="connsiteY2" fmla="*/ 0 h 928692"/>
                <a:gd name="connsiteX3" fmla="*/ 176491 w 234247"/>
                <a:gd name="connsiteY3" fmla="*/ 6349 h 928692"/>
                <a:gd name="connsiteX4" fmla="*/ 234247 w 234247"/>
                <a:gd name="connsiteY4" fmla="*/ 8066 h 928692"/>
                <a:gd name="connsiteX5" fmla="*/ 234247 w 234247"/>
                <a:gd name="connsiteY5" fmla="*/ 928692 h 928692"/>
                <a:gd name="connsiteX6" fmla="*/ 0 w 234247"/>
                <a:gd name="connsiteY6" fmla="*/ 928692 h 928692"/>
                <a:gd name="connsiteX7" fmla="*/ 0 w 234247"/>
                <a:gd name="connsiteY7" fmla="*/ 8066 h 928692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0 w 234250"/>
                <a:gd name="connsiteY6" fmla="*/ 930154 h 930154"/>
                <a:gd name="connsiteX7" fmla="*/ 0 w 234250"/>
                <a:gd name="connsiteY7" fmla="*/ 9528 h 930154"/>
                <a:gd name="connsiteX0" fmla="*/ 0 w 234250"/>
                <a:gd name="connsiteY0" fmla="*/ 9528 h 931740"/>
                <a:gd name="connsiteX1" fmla="*/ 65360 w 234250"/>
                <a:gd name="connsiteY1" fmla="*/ 20511 h 931740"/>
                <a:gd name="connsiteX2" fmla="*/ 112988 w 234250"/>
                <a:gd name="connsiteY2" fmla="*/ 1462 h 931740"/>
                <a:gd name="connsiteX3" fmla="*/ 176491 w 234250"/>
                <a:gd name="connsiteY3" fmla="*/ 7811 h 931740"/>
                <a:gd name="connsiteX4" fmla="*/ 234250 w 234250"/>
                <a:gd name="connsiteY4" fmla="*/ 0 h 931740"/>
                <a:gd name="connsiteX5" fmla="*/ 234247 w 234250"/>
                <a:gd name="connsiteY5" fmla="*/ 930154 h 931740"/>
                <a:gd name="connsiteX6" fmla="*/ 43134 w 234250"/>
                <a:gd name="connsiteY6" fmla="*/ 931740 h 931740"/>
                <a:gd name="connsiteX7" fmla="*/ 0 w 234250"/>
                <a:gd name="connsiteY7" fmla="*/ 930154 h 931740"/>
                <a:gd name="connsiteX8" fmla="*/ 0 w 234250"/>
                <a:gd name="connsiteY8" fmla="*/ 9528 h 931740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43134 w 234250"/>
                <a:gd name="connsiteY6" fmla="*/ 922215 h 930154"/>
                <a:gd name="connsiteX7" fmla="*/ 0 w 234250"/>
                <a:gd name="connsiteY7" fmla="*/ 930154 h 930154"/>
                <a:gd name="connsiteX8" fmla="*/ 0 w 234250"/>
                <a:gd name="connsiteY8" fmla="*/ 9528 h 930154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84409 w 234250"/>
                <a:gd name="connsiteY6" fmla="*/ 925390 h 930154"/>
                <a:gd name="connsiteX7" fmla="*/ 43134 w 234250"/>
                <a:gd name="connsiteY7" fmla="*/ 922215 h 930154"/>
                <a:gd name="connsiteX8" fmla="*/ 0 w 234250"/>
                <a:gd name="connsiteY8" fmla="*/ 930154 h 930154"/>
                <a:gd name="connsiteX9" fmla="*/ 0 w 234250"/>
                <a:gd name="connsiteY9" fmla="*/ 9528 h 930154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93934 w 234250"/>
                <a:gd name="connsiteY6" fmla="*/ 928565 h 930154"/>
                <a:gd name="connsiteX7" fmla="*/ 43134 w 234250"/>
                <a:gd name="connsiteY7" fmla="*/ 922215 h 930154"/>
                <a:gd name="connsiteX8" fmla="*/ 0 w 234250"/>
                <a:gd name="connsiteY8" fmla="*/ 930154 h 930154"/>
                <a:gd name="connsiteX9" fmla="*/ 0 w 234250"/>
                <a:gd name="connsiteY9" fmla="*/ 9528 h 930154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147115 w 234250"/>
                <a:gd name="connsiteY6" fmla="*/ 929359 h 930154"/>
                <a:gd name="connsiteX7" fmla="*/ 93934 w 234250"/>
                <a:gd name="connsiteY7" fmla="*/ 928565 h 930154"/>
                <a:gd name="connsiteX8" fmla="*/ 43134 w 234250"/>
                <a:gd name="connsiteY8" fmla="*/ 922215 h 930154"/>
                <a:gd name="connsiteX9" fmla="*/ 0 w 234250"/>
                <a:gd name="connsiteY9" fmla="*/ 930154 h 930154"/>
                <a:gd name="connsiteX10" fmla="*/ 0 w 234250"/>
                <a:gd name="connsiteY10" fmla="*/ 9528 h 930154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147115 w 234250"/>
                <a:gd name="connsiteY6" fmla="*/ 919834 h 930154"/>
                <a:gd name="connsiteX7" fmla="*/ 93934 w 234250"/>
                <a:gd name="connsiteY7" fmla="*/ 928565 h 930154"/>
                <a:gd name="connsiteX8" fmla="*/ 43134 w 234250"/>
                <a:gd name="connsiteY8" fmla="*/ 922215 h 930154"/>
                <a:gd name="connsiteX9" fmla="*/ 0 w 234250"/>
                <a:gd name="connsiteY9" fmla="*/ 930154 h 930154"/>
                <a:gd name="connsiteX10" fmla="*/ 0 w 234250"/>
                <a:gd name="connsiteY10" fmla="*/ 9528 h 930154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189978 w 234250"/>
                <a:gd name="connsiteY6" fmla="*/ 924596 h 930154"/>
                <a:gd name="connsiteX7" fmla="*/ 147115 w 234250"/>
                <a:gd name="connsiteY7" fmla="*/ 919834 h 930154"/>
                <a:gd name="connsiteX8" fmla="*/ 93934 w 234250"/>
                <a:gd name="connsiteY8" fmla="*/ 928565 h 930154"/>
                <a:gd name="connsiteX9" fmla="*/ 43134 w 234250"/>
                <a:gd name="connsiteY9" fmla="*/ 922215 h 930154"/>
                <a:gd name="connsiteX10" fmla="*/ 0 w 234250"/>
                <a:gd name="connsiteY10" fmla="*/ 930154 h 930154"/>
                <a:gd name="connsiteX11" fmla="*/ 0 w 234250"/>
                <a:gd name="connsiteY11" fmla="*/ 9528 h 930154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206647 w 234250"/>
                <a:gd name="connsiteY6" fmla="*/ 924596 h 930154"/>
                <a:gd name="connsiteX7" fmla="*/ 189978 w 234250"/>
                <a:gd name="connsiteY7" fmla="*/ 924596 h 930154"/>
                <a:gd name="connsiteX8" fmla="*/ 147115 w 234250"/>
                <a:gd name="connsiteY8" fmla="*/ 919834 h 930154"/>
                <a:gd name="connsiteX9" fmla="*/ 93934 w 234250"/>
                <a:gd name="connsiteY9" fmla="*/ 928565 h 930154"/>
                <a:gd name="connsiteX10" fmla="*/ 43134 w 234250"/>
                <a:gd name="connsiteY10" fmla="*/ 922215 h 930154"/>
                <a:gd name="connsiteX11" fmla="*/ 0 w 234250"/>
                <a:gd name="connsiteY11" fmla="*/ 930154 h 930154"/>
                <a:gd name="connsiteX12" fmla="*/ 0 w 234250"/>
                <a:gd name="connsiteY12" fmla="*/ 9528 h 930154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206647 w 234250"/>
                <a:gd name="connsiteY6" fmla="*/ 924596 h 930154"/>
                <a:gd name="connsiteX7" fmla="*/ 147115 w 234250"/>
                <a:gd name="connsiteY7" fmla="*/ 919834 h 930154"/>
                <a:gd name="connsiteX8" fmla="*/ 93934 w 234250"/>
                <a:gd name="connsiteY8" fmla="*/ 928565 h 930154"/>
                <a:gd name="connsiteX9" fmla="*/ 43134 w 234250"/>
                <a:gd name="connsiteY9" fmla="*/ 922215 h 930154"/>
                <a:gd name="connsiteX10" fmla="*/ 0 w 234250"/>
                <a:gd name="connsiteY10" fmla="*/ 930154 h 930154"/>
                <a:gd name="connsiteX11" fmla="*/ 0 w 234250"/>
                <a:gd name="connsiteY11" fmla="*/ 9528 h 930154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147115 w 234250"/>
                <a:gd name="connsiteY6" fmla="*/ 919834 h 930154"/>
                <a:gd name="connsiteX7" fmla="*/ 93934 w 234250"/>
                <a:gd name="connsiteY7" fmla="*/ 928565 h 930154"/>
                <a:gd name="connsiteX8" fmla="*/ 43134 w 234250"/>
                <a:gd name="connsiteY8" fmla="*/ 922215 h 930154"/>
                <a:gd name="connsiteX9" fmla="*/ 0 w 234250"/>
                <a:gd name="connsiteY9" fmla="*/ 930154 h 930154"/>
                <a:gd name="connsiteX10" fmla="*/ 0 w 234250"/>
                <a:gd name="connsiteY10" fmla="*/ 9528 h 930154"/>
                <a:gd name="connsiteX0" fmla="*/ 0 w 234250"/>
                <a:gd name="connsiteY0" fmla="*/ 9528 h 930154"/>
                <a:gd name="connsiteX1" fmla="*/ 65360 w 234250"/>
                <a:gd name="connsiteY1" fmla="*/ 20511 h 930154"/>
                <a:gd name="connsiteX2" fmla="*/ 112988 w 234250"/>
                <a:gd name="connsiteY2" fmla="*/ 1462 h 930154"/>
                <a:gd name="connsiteX3" fmla="*/ 176491 w 234250"/>
                <a:gd name="connsiteY3" fmla="*/ 7811 h 930154"/>
                <a:gd name="connsiteX4" fmla="*/ 234250 w 234250"/>
                <a:gd name="connsiteY4" fmla="*/ 0 h 930154"/>
                <a:gd name="connsiteX5" fmla="*/ 234247 w 234250"/>
                <a:gd name="connsiteY5" fmla="*/ 930154 h 930154"/>
                <a:gd name="connsiteX6" fmla="*/ 180452 w 234250"/>
                <a:gd name="connsiteY6" fmla="*/ 917452 h 930154"/>
                <a:gd name="connsiteX7" fmla="*/ 93934 w 234250"/>
                <a:gd name="connsiteY7" fmla="*/ 928565 h 930154"/>
                <a:gd name="connsiteX8" fmla="*/ 43134 w 234250"/>
                <a:gd name="connsiteY8" fmla="*/ 922215 h 930154"/>
                <a:gd name="connsiteX9" fmla="*/ 0 w 234250"/>
                <a:gd name="connsiteY9" fmla="*/ 930154 h 930154"/>
                <a:gd name="connsiteX10" fmla="*/ 0 w 234250"/>
                <a:gd name="connsiteY10" fmla="*/ 9528 h 930154"/>
                <a:gd name="connsiteX0" fmla="*/ 0 w 234250"/>
                <a:gd name="connsiteY0" fmla="*/ 9528 h 933328"/>
                <a:gd name="connsiteX1" fmla="*/ 65360 w 234250"/>
                <a:gd name="connsiteY1" fmla="*/ 20511 h 933328"/>
                <a:gd name="connsiteX2" fmla="*/ 112988 w 234250"/>
                <a:gd name="connsiteY2" fmla="*/ 1462 h 933328"/>
                <a:gd name="connsiteX3" fmla="*/ 176491 w 234250"/>
                <a:gd name="connsiteY3" fmla="*/ 7811 h 933328"/>
                <a:gd name="connsiteX4" fmla="*/ 234250 w 234250"/>
                <a:gd name="connsiteY4" fmla="*/ 0 h 933328"/>
                <a:gd name="connsiteX5" fmla="*/ 234247 w 234250"/>
                <a:gd name="connsiteY5" fmla="*/ 930154 h 933328"/>
                <a:gd name="connsiteX6" fmla="*/ 180452 w 234250"/>
                <a:gd name="connsiteY6" fmla="*/ 917452 h 933328"/>
                <a:gd name="connsiteX7" fmla="*/ 117747 w 234250"/>
                <a:gd name="connsiteY7" fmla="*/ 933328 h 933328"/>
                <a:gd name="connsiteX8" fmla="*/ 43134 w 234250"/>
                <a:gd name="connsiteY8" fmla="*/ 922215 h 933328"/>
                <a:gd name="connsiteX9" fmla="*/ 0 w 234250"/>
                <a:gd name="connsiteY9" fmla="*/ 930154 h 933328"/>
                <a:gd name="connsiteX10" fmla="*/ 0 w 234250"/>
                <a:gd name="connsiteY10" fmla="*/ 9528 h 93332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234250" h="933328">
                  <a:moveTo>
                    <a:pt x="0" y="9528"/>
                  </a:moveTo>
                  <a:lnTo>
                    <a:pt x="65360" y="20511"/>
                  </a:lnTo>
                  <a:lnTo>
                    <a:pt x="112988" y="1462"/>
                  </a:lnTo>
                  <a:lnTo>
                    <a:pt x="176491" y="7811"/>
                  </a:lnTo>
                  <a:lnTo>
                    <a:pt x="234250" y="0"/>
                  </a:lnTo>
                  <a:cubicBezTo>
                    <a:pt x="234249" y="310051"/>
                    <a:pt x="234248" y="620103"/>
                    <a:pt x="234247" y="930154"/>
                  </a:cubicBezTo>
                  <a:lnTo>
                    <a:pt x="180452" y="917452"/>
                  </a:lnTo>
                  <a:lnTo>
                    <a:pt x="117747" y="933328"/>
                  </a:lnTo>
                  <a:lnTo>
                    <a:pt x="43134" y="922215"/>
                  </a:lnTo>
                  <a:lnTo>
                    <a:pt x="0" y="930154"/>
                  </a:lnTo>
                  <a:lnTo>
                    <a:pt x="0" y="9528"/>
                  </a:lnTo>
                  <a:close/>
                </a:path>
              </a:pathLst>
            </a:custGeom>
            <a:blipFill dpi="0" rotWithShape="1">
              <a:blip r:embed="rId4">
                <a:alphaModFix amt="55000"/>
              </a:blip>
              <a:srcRect/>
              <a:stretch>
                <a:fillRect/>
              </a:stretch>
            </a:blipFill>
            <a:ln w="3175">
              <a:solidFill>
                <a:schemeClr val="bg1">
                  <a:lumMod val="65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/>
            </a:p>
          </p:txBody>
        </p:sp>
        <p:grpSp>
          <p:nvGrpSpPr>
            <p:cNvPr id="5200" name="Group 49"/>
            <p:cNvGrpSpPr>
              <a:grpSpLocks/>
            </p:cNvGrpSpPr>
            <p:nvPr/>
          </p:nvGrpSpPr>
          <p:grpSpPr bwMode="auto">
            <a:xfrm>
              <a:off x="6843295" y="1749466"/>
              <a:ext cx="1979453" cy="940305"/>
              <a:chOff x="6843295" y="1740237"/>
              <a:chExt cx="1979453" cy="940305"/>
            </a:xfrm>
          </p:grpSpPr>
          <p:sp>
            <p:nvSpPr>
              <p:cNvPr id="51" name="Rectangle 50"/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43295" y="2139625"/>
                <a:ext cx="1979453" cy="540917"/>
              </a:xfrm>
              <a:prstGeom prst="rect">
                <a:avLst/>
              </a:prstGeom>
              <a:blipFill rotWithShape="1">
                <a:blip r:embed="rId5"/>
                <a:stretch>
                  <a:fillRect b="-4494"/>
                </a:stretch>
              </a:blipFill>
            </p:spPr>
            <p:txBody>
              <a:bodyPr/>
              <a:lstStyle/>
              <a:p>
                <a:pPr>
                  <a:defRPr/>
                </a:pPr>
                <a:r>
                  <a:rPr lang="en-US">
                    <a:noFill/>
                  </a:rPr>
                  <a:t> </a:t>
                </a:r>
              </a:p>
            </p:txBody>
          </p:sp>
          <p:sp>
            <p:nvSpPr>
              <p:cNvPr id="5202" name="Rectangle 51"/>
              <p:cNvSpPr>
                <a:spLocks noChangeArrowheads="1"/>
              </p:cNvSpPr>
              <p:nvPr/>
            </p:nvSpPr>
            <p:spPr bwMode="auto">
              <a:xfrm>
                <a:off x="6911937" y="1740237"/>
                <a:ext cx="1842171" cy="307777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/>
              <a:p>
                <a:r>
                  <a:rPr lang="en-US" altLang="en-US" sz="1400" b="1" u="sng">
                    <a:latin typeface="Arial Narrow" panose="020B0606020202030204" pitchFamily="34" charset="0"/>
                  </a:rPr>
                  <a:t>Conditional Probability</a:t>
                </a:r>
                <a:r>
                  <a:rPr lang="en-US" altLang="en-US" sz="1400">
                    <a:latin typeface="Arial Narrow" panose="020B0606020202030204" pitchFamily="34" charset="0"/>
                  </a:rPr>
                  <a:t> </a:t>
                </a:r>
                <a:endParaRPr lang="en-US" altLang="en-US" sz="1200">
                  <a:latin typeface="Arial Narrow" panose="020B0606020202030204" pitchFamily="34" charset="0"/>
                </a:endParaRPr>
              </a:p>
            </p:txBody>
          </p:sp>
        </p:grpSp>
      </p:grpSp>
      <mc:AlternateContent xmlns:mc="http://schemas.openxmlformats.org/markup-compatibility/2006" xmlns:a14="http://schemas.microsoft.com/office/drawing/2010/main">
        <mc:Choice Requires="a14">
          <p:sp>
            <p:nvSpPr>
              <p:cNvPr id="52" name="TextBox 51">
                <a:extLst>
                  <a:ext uri="{FF2B5EF4-FFF2-40B4-BE49-F238E27FC236}">
                    <a16:creationId xmlns:a16="http://schemas.microsoft.com/office/drawing/2014/main" id="{ABFDAD98-D4D3-4EDA-8A1B-6701C875E72F}"/>
                  </a:ext>
                </a:extLst>
              </p:cNvPr>
              <p:cNvSpPr txBox="1"/>
              <p:nvPr/>
            </p:nvSpPr>
            <p:spPr>
              <a:xfrm>
                <a:off x="-517881" y="2581275"/>
                <a:ext cx="9760306" cy="85683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b="1" i="1" smtClean="0">
                              <a:solidFill>
                                <a:schemeClr val="accent2"/>
                              </a:solidFill>
                              <a:latin typeface="Cambria Math" panose="02040503050406030204" pitchFamily="18" charset="0"/>
                            </a:rPr>
                            <m:t>𝑺𝒄𝒊𝒆𝒏𝒄𝒆</m:t>
                          </m:r>
                          <m:r>
                            <a:rPr lang="en-US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|</m:t>
                          </m:r>
                          <m:r>
                            <a:rPr lang="en-US" b="1" i="1" smtClean="0">
                              <a:solidFill>
                                <a:schemeClr val="accent1"/>
                              </a:solidFill>
                              <a:latin typeface="Cambria Math" panose="02040503050406030204" pitchFamily="18" charset="0"/>
                            </a:rPr>
                            <m:t>𝟏𝟎</m:t>
                          </m:r>
                          <m:r>
                            <a:rPr lang="en-US" b="1" i="1" smtClean="0">
                              <a:solidFill>
                                <a:schemeClr val="accent1"/>
                              </a:solidFill>
                              <a:latin typeface="Cambria Math" panose="02040503050406030204" pitchFamily="18" charset="0"/>
                            </a:rPr>
                            <m:t>𝒕𝒉</m:t>
                          </m:r>
                        </m:e>
                      </m:d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b="1" i="1">
                              <a:latin typeface="Cambria Math" panose="02040503050406030204" pitchFamily="18" charset="0"/>
                            </a:rPr>
                            <m:t>𝑷</m:t>
                          </m:r>
                          <m:d>
                            <m:dPr>
                              <m:ctrlPr>
                                <a:rPr lang="en-US" b="1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en-US" b="1" i="1" smtClean="0">
                                  <a:solidFill>
                                    <a:schemeClr val="accent2"/>
                                  </a:solidFill>
                                  <a:latin typeface="Cambria Math" panose="02040503050406030204" pitchFamily="18" charset="0"/>
                                </a:rPr>
                                <m:t>𝑺𝒄𝒊𝒆𝒏𝒄𝒆</m:t>
                              </m:r>
                              <m:r>
                                <a:rPr lang="en-US" b="1" i="1" smtClean="0"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  <m:r>
                                <a:rPr lang="en-US" b="1" i="1" smtClean="0">
                                  <a:latin typeface="Cambria Math" panose="02040503050406030204" pitchFamily="18" charset="0"/>
                                </a:rPr>
                                <m:t>𝒂𝒏𝒅</m:t>
                              </m:r>
                              <m:r>
                                <a:rPr lang="en-US" b="1" i="1" smtClean="0"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  <m:r>
                                <a:rPr lang="en-US" b="1" i="1" smtClean="0">
                                  <a:solidFill>
                                    <a:schemeClr val="accent1"/>
                                  </a:solidFill>
                                  <a:latin typeface="Cambria Math" panose="02040503050406030204" pitchFamily="18" charset="0"/>
                                </a:rPr>
                                <m:t>𝟏𝟎</m:t>
                              </m:r>
                              <m:r>
                                <a:rPr lang="en-US" b="1" i="1" smtClean="0">
                                  <a:solidFill>
                                    <a:schemeClr val="accent1"/>
                                  </a:solidFill>
                                  <a:latin typeface="Cambria Math" panose="02040503050406030204" pitchFamily="18" charset="0"/>
                                </a:rPr>
                                <m:t>𝒕𝒉</m:t>
                              </m:r>
                            </m:e>
                          </m:d>
                        </m:num>
                        <m:den>
                          <m:r>
                            <a:rPr lang="en-US" b="1" i="1">
                              <a:latin typeface="Cambria Math" panose="02040503050406030204" pitchFamily="18" charset="0"/>
                            </a:rPr>
                            <m:t>𝑷</m:t>
                          </m:r>
                          <m:d>
                            <m:dPr>
                              <m:ctrlPr>
                                <a:rPr lang="en-US" b="1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en-US" b="1" i="1" smtClean="0">
                                  <a:solidFill>
                                    <a:schemeClr val="accent1"/>
                                  </a:solidFill>
                                  <a:latin typeface="Cambria Math" panose="02040503050406030204" pitchFamily="18" charset="0"/>
                                </a:rPr>
                                <m:t>𝟏𝟎</m:t>
                              </m:r>
                              <m:r>
                                <a:rPr lang="en-US" b="1" i="1" smtClean="0">
                                  <a:solidFill>
                                    <a:schemeClr val="accent1"/>
                                  </a:solidFill>
                                  <a:latin typeface="Cambria Math" panose="02040503050406030204" pitchFamily="18" charset="0"/>
                                </a:rPr>
                                <m:t>𝒕𝒉</m:t>
                              </m:r>
                            </m:e>
                          </m:d>
                        </m:den>
                      </m:f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f>
                            <m:fPr>
                              <m:type m:val="skw"/>
                              <m:ctrlPr>
                                <a:rPr lang="en-US" b="1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en-US" b="1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𝟒</m:t>
                              </m:r>
                            </m:num>
                            <m:den>
                              <m:r>
                                <a:rPr lang="en-US" b="1" i="1" smtClean="0">
                                  <a:solidFill>
                                    <a:schemeClr val="accent4">
                                      <a:lumMod val="75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  <m:t>𝟏𝟎𝟎</m:t>
                              </m:r>
                            </m:den>
                          </m:f>
                        </m:num>
                        <m:den>
                          <m:f>
                            <m:fPr>
                              <m:type m:val="skw"/>
                              <m:ctrlPr>
                                <a:rPr lang="en-US" b="1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</m:ctrlPr>
                            </m:fPr>
                            <m:num>
                              <m:r>
                                <a:rPr lang="en-US" b="1" i="1" smtClean="0">
                                  <a:solidFill>
                                    <a:schemeClr val="tx1"/>
                                  </a:solidFill>
                                  <a:latin typeface="Cambria Math" panose="02040503050406030204" pitchFamily="18" charset="0"/>
                                </a:rPr>
                                <m:t>𝟐𝟎</m:t>
                              </m:r>
                            </m:num>
                            <m:den>
                              <m:r>
                                <a:rPr lang="en-US" b="1" i="1" smtClean="0">
                                  <a:solidFill>
                                    <a:schemeClr val="accent4">
                                      <a:lumMod val="75000"/>
                                    </a:schemeClr>
                                  </a:solidFill>
                                  <a:latin typeface="Cambria Math" panose="02040503050406030204" pitchFamily="18" charset="0"/>
                                </a:rPr>
                                <m:t>𝟏𝟎𝟎</m:t>
                              </m:r>
                            </m:den>
                          </m:f>
                        </m:den>
                      </m:f>
                      <m:r>
                        <a:rPr lang="en-US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b="1" i="1"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b="1" i="1" smtClean="0">
                              <a:latin typeface="Cambria Math" panose="02040503050406030204" pitchFamily="18" charset="0"/>
                            </a:rPr>
                            <m:t>𝟒</m:t>
                          </m:r>
                        </m:num>
                        <m:den>
                          <m:r>
                            <a:rPr lang="en-US" b="1" i="1" smtClean="0">
                              <a:latin typeface="Cambria Math" panose="02040503050406030204" pitchFamily="18" charset="0"/>
                            </a:rPr>
                            <m:t>𝟐𝟎</m:t>
                          </m:r>
                        </m:den>
                      </m:f>
                      <m:r>
                        <a:rPr lang="en-US" b="1" i="1" smtClean="0"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b="1" i="1" smtClean="0"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b="1" i="1" smtClean="0">
                              <a:latin typeface="Cambria Math" panose="02040503050406030204" pitchFamily="18" charset="0"/>
                            </a:rPr>
                            <m:t>𝟐𝟎</m:t>
                          </m:r>
                        </m:num>
                        <m:den>
                          <m:r>
                            <a:rPr lang="en-US" b="1" i="1" smtClean="0">
                              <a:latin typeface="Cambria Math" panose="02040503050406030204" pitchFamily="18" charset="0"/>
                            </a:rPr>
                            <m:t>𝟏𝟎𝟎</m:t>
                          </m:r>
                        </m:den>
                      </m:f>
                      <m:r>
                        <a:rPr lang="en-US" b="1" i="1" smtClean="0"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b="1" i="1" smtClean="0"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b="1" i="1" smtClean="0">
                          <a:latin typeface="Cambria Math" panose="02040503050406030204" pitchFamily="18" charset="0"/>
                        </a:rPr>
                        <m:t>.</m:t>
                      </m:r>
                      <m:r>
                        <a:rPr lang="en-US" b="1" i="1" smtClean="0">
                          <a:latin typeface="Cambria Math" panose="02040503050406030204" pitchFamily="18" charset="0"/>
                        </a:rPr>
                        <m:t>𝟐𝟎</m:t>
                      </m:r>
                    </m:oMath>
                  </m:oMathPara>
                </a14:m>
                <a:endParaRPr lang="en-US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2" name="TextBox 51">
                <a:extLst>
                  <a:ext uri="{FF2B5EF4-FFF2-40B4-BE49-F238E27FC236}">
                    <a16:creationId xmlns:a16="http://schemas.microsoft.com/office/drawing/2014/main" id="{ABFDAD98-D4D3-4EDA-8A1B-6701C875E72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-517881" y="2581275"/>
                <a:ext cx="9760306" cy="856838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ctangle 1">
            <a:extLst>
              <a:ext uri="{FF2B5EF4-FFF2-40B4-BE49-F238E27FC236}">
                <a16:creationId xmlns:a16="http://schemas.microsoft.com/office/drawing/2014/main" id="{44BC77F8-E1A7-41A4-B52C-C6D9DE0BC4E2}"/>
              </a:ext>
            </a:extLst>
          </p:cNvPr>
          <p:cNvSpPr/>
          <p:nvPr/>
        </p:nvSpPr>
        <p:spPr>
          <a:xfrm>
            <a:off x="493713" y="1519651"/>
            <a:ext cx="5815628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lvl="0" algn="ctr">
              <a:defRPr/>
            </a:pPr>
            <a:r>
              <a:rPr lang="en-US" sz="2000" b="1" i="1" dirty="0">
                <a:solidFill>
                  <a:prstClr val="black"/>
                </a:solidFill>
                <a:latin typeface="Gill Sans MT" panose="020B0502020104020203" pitchFamily="34" charset="0"/>
              </a:rPr>
              <a:t>Conditional Probability</a:t>
            </a:r>
          </a:p>
          <a:p>
            <a:pPr lvl="0" algn="ctr">
              <a:defRPr/>
            </a:pPr>
            <a:r>
              <a:rPr lang="en-US" i="1" dirty="0">
                <a:solidFill>
                  <a:prstClr val="black"/>
                </a:solidFill>
                <a:latin typeface="Gill Sans MT" panose="020B0502020104020203" pitchFamily="34" charset="0"/>
              </a:rPr>
              <a:t>Estimate the probability that a randomly selected student will favor </a:t>
            </a:r>
            <a:r>
              <a:rPr lang="en-US" b="1" i="1" dirty="0">
                <a:solidFill>
                  <a:srgbClr val="ADDB7B">
                    <a:lumMod val="50000"/>
                  </a:srgbClr>
                </a:solidFill>
                <a:latin typeface="Gill Sans MT" panose="020B0502020104020203" pitchFamily="34" charset="0"/>
              </a:rPr>
              <a:t>science</a:t>
            </a:r>
            <a:r>
              <a:rPr lang="en-US" i="1" dirty="0">
                <a:solidFill>
                  <a:prstClr val="black"/>
                </a:solidFill>
                <a:latin typeface="Gill Sans MT" panose="020B0502020104020203" pitchFamily="34" charset="0"/>
              </a:rPr>
              <a:t> given that the student is in </a:t>
            </a:r>
            <a:r>
              <a:rPr lang="en-US" b="1" i="1" dirty="0">
                <a:solidFill>
                  <a:srgbClr val="87B0E1">
                    <a:lumMod val="75000"/>
                  </a:srgbClr>
                </a:solidFill>
                <a:latin typeface="Gill Sans MT" panose="020B0502020104020203" pitchFamily="34" charset="0"/>
              </a:rPr>
              <a:t>tenth grade</a:t>
            </a:r>
            <a:r>
              <a:rPr lang="en-US" i="1" dirty="0">
                <a:solidFill>
                  <a:prstClr val="black"/>
                </a:solidFill>
                <a:latin typeface="Gill Sans MT" panose="020B0502020104020203" pitchFamily="34" charset="0"/>
              </a:rPr>
              <a:t>. </a:t>
            </a:r>
            <a:endParaRPr lang="en-US" dirty="0">
              <a:solidFill>
                <a:prstClr val="black"/>
              </a:solidFill>
              <a:latin typeface="Gill Sans MT" panose="020B0502020104020203" pitchFamily="34" charset="0"/>
            </a:endParaRPr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53" name="TextBox 52">
                <a:extLst>
                  <a:ext uri="{FF2B5EF4-FFF2-40B4-BE49-F238E27FC236}">
                    <a16:creationId xmlns:a16="http://schemas.microsoft.com/office/drawing/2014/main" id="{CABC3946-7F51-4CC9-86A2-B0C5648B2BA7}"/>
                  </a:ext>
                </a:extLst>
              </p:cNvPr>
              <p:cNvSpPr txBox="1"/>
              <p:nvPr/>
            </p:nvSpPr>
            <p:spPr>
              <a:xfrm>
                <a:off x="6621436" y="5334072"/>
                <a:ext cx="2352701" cy="44480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05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𝑴𝒂𝒕𝒉</m:t>
                          </m:r>
                          <m: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|</m:t>
                          </m:r>
                          <m: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𝟗</m:t>
                          </m:r>
                          <m: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𝒕𝒉</m:t>
                          </m:r>
                        </m:e>
                      </m:d>
                      <m:r>
                        <a:rPr lang="en-US" sz="105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050" b="1" i="1">
                              <a:latin typeface="Cambria Math" panose="02040503050406030204" pitchFamily="18" charset="0"/>
                            </a:rPr>
                            <m:t>𝑷</m:t>
                          </m:r>
                          <m:d>
                            <m:dPr>
                              <m:ctrlPr>
                                <a:rPr lang="en-US" sz="1050" b="1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𝑴𝒂𝒕𝒉</m:t>
                              </m:r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𝒂𝒏𝒅</m:t>
                              </m:r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𝟗</m:t>
                              </m:r>
                              <m:r>
                                <a:rPr lang="en-US" sz="1050" b="1" i="1">
                                  <a:latin typeface="Cambria Math" panose="02040503050406030204" pitchFamily="18" charset="0"/>
                                </a:rPr>
                                <m:t>𝒕𝒉</m:t>
                              </m:r>
                            </m:e>
                          </m:d>
                        </m:num>
                        <m:den>
                          <m:r>
                            <a:rPr lang="en-US" sz="1050" b="1" i="1">
                              <a:latin typeface="Cambria Math" panose="02040503050406030204" pitchFamily="18" charset="0"/>
                            </a:rPr>
                            <m:t>𝑷</m:t>
                          </m:r>
                          <m:d>
                            <m:dPr>
                              <m:ctrlPr>
                                <a:rPr lang="en-US" sz="1050" b="1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𝟗</m:t>
                              </m:r>
                              <m:r>
                                <a:rPr lang="en-US" sz="1050" b="1" i="1">
                                  <a:latin typeface="Cambria Math" panose="02040503050406030204" pitchFamily="18" charset="0"/>
                                </a:rPr>
                                <m:t>𝒕𝒉</m:t>
                              </m:r>
                            </m:e>
                          </m:d>
                        </m:den>
                      </m:f>
                    </m:oMath>
                  </m:oMathPara>
                </a14:m>
                <a:endParaRPr lang="en-US" sz="1050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3" name="TextBox 52">
                <a:extLst>
                  <a:ext uri="{FF2B5EF4-FFF2-40B4-BE49-F238E27FC236}">
                    <a16:creationId xmlns:a16="http://schemas.microsoft.com/office/drawing/2014/main" id="{CABC3946-7F51-4CC9-86A2-B0C5648B2BA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21436" y="5334072"/>
                <a:ext cx="2352701" cy="444802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54" name="TextBox 53">
                <a:extLst>
                  <a:ext uri="{FF2B5EF4-FFF2-40B4-BE49-F238E27FC236}">
                    <a16:creationId xmlns:a16="http://schemas.microsoft.com/office/drawing/2014/main" id="{784BFCCE-8073-4C10-81C2-D662D24F19E9}"/>
                  </a:ext>
                </a:extLst>
              </p:cNvPr>
              <p:cNvSpPr txBox="1"/>
              <p:nvPr/>
            </p:nvSpPr>
            <p:spPr>
              <a:xfrm>
                <a:off x="6621436" y="5991297"/>
                <a:ext cx="2352701" cy="444802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05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𝑷</m:t>
                      </m:r>
                      <m:d>
                        <m:dPr>
                          <m:ctrlP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𝟗</m:t>
                          </m:r>
                          <m: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𝒕𝒉</m:t>
                          </m:r>
                          <m: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|</m:t>
                          </m:r>
                          <m: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  <m:t>𝑴𝒂𝒕𝒉</m:t>
                          </m:r>
                        </m:e>
                      </m:d>
                      <m:r>
                        <a:rPr lang="en-US" sz="1050" b="1" i="1" smtClean="0">
                          <a:solidFill>
                            <a:schemeClr val="tx1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f>
                        <m:fPr>
                          <m:ctrlPr>
                            <a:rPr lang="en-US" sz="1050" b="1" i="1" smtClean="0">
                              <a:solidFill>
                                <a:schemeClr val="tx1"/>
                              </a:solidFill>
                              <a:latin typeface="Cambria Math" panose="02040503050406030204" pitchFamily="18" charset="0"/>
                            </a:rPr>
                          </m:ctrlPr>
                        </m:fPr>
                        <m:num>
                          <m:r>
                            <a:rPr lang="en-US" sz="1050" b="1" i="1">
                              <a:latin typeface="Cambria Math" panose="02040503050406030204" pitchFamily="18" charset="0"/>
                            </a:rPr>
                            <m:t>𝑷</m:t>
                          </m:r>
                          <m:d>
                            <m:dPr>
                              <m:ctrlPr>
                                <a:rPr lang="en-US" sz="1050" b="1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𝟗</m:t>
                              </m:r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𝒕𝒉</m:t>
                              </m:r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𝒂𝒏𝒅</m:t>
                              </m:r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𝑴𝒂𝒕𝒉</m:t>
                              </m:r>
                            </m:e>
                          </m:d>
                        </m:num>
                        <m:den>
                          <m:r>
                            <a:rPr lang="en-US" sz="1050" b="1" i="1">
                              <a:latin typeface="Cambria Math" panose="02040503050406030204" pitchFamily="18" charset="0"/>
                            </a:rPr>
                            <m:t>𝑷</m:t>
                          </m:r>
                          <m:d>
                            <m:dPr>
                              <m:ctrlPr>
                                <a:rPr lang="en-US" sz="1050" b="1" i="1">
                                  <a:latin typeface="Cambria Math" panose="02040503050406030204" pitchFamily="18" charset="0"/>
                                </a:rPr>
                              </m:ctrlPr>
                            </m:dPr>
                            <m:e>
                              <m:r>
                                <a:rPr lang="en-US" sz="1050" b="1" i="1" smtClean="0">
                                  <a:latin typeface="Cambria Math" panose="02040503050406030204" pitchFamily="18" charset="0"/>
                                </a:rPr>
                                <m:t>𝑴𝒂𝒕𝒉</m:t>
                              </m:r>
                            </m:e>
                          </m:d>
                        </m:den>
                      </m:f>
                    </m:oMath>
                  </m:oMathPara>
                </a14:m>
                <a:endParaRPr lang="en-US" sz="1050" b="1" dirty="0">
                  <a:solidFill>
                    <a:schemeClr val="tx1"/>
                  </a:solidFill>
                </a:endParaRPr>
              </a:p>
            </p:txBody>
          </p:sp>
        </mc:Choice>
        <mc:Fallback xmlns="">
          <p:sp>
            <p:nvSpPr>
              <p:cNvPr id="54" name="TextBox 53">
                <a:extLst>
                  <a:ext uri="{FF2B5EF4-FFF2-40B4-BE49-F238E27FC236}">
                    <a16:creationId xmlns:a16="http://schemas.microsoft.com/office/drawing/2014/main" id="{784BFCCE-8073-4C10-81C2-D662D24F19E9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21436" y="5991297"/>
                <a:ext cx="2352701" cy="444802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" name="Rectangle 2">
            <a:extLst>
              <a:ext uri="{FF2B5EF4-FFF2-40B4-BE49-F238E27FC236}">
                <a16:creationId xmlns:a16="http://schemas.microsoft.com/office/drawing/2014/main" id="{7C1D7AF4-F148-42F5-BABB-53589C302DBC}"/>
              </a:ext>
            </a:extLst>
          </p:cNvPr>
          <p:cNvSpPr/>
          <p:nvPr/>
        </p:nvSpPr>
        <p:spPr>
          <a:xfrm>
            <a:off x="7060453" y="2110136"/>
            <a:ext cx="1768113" cy="307777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400" b="1" i="1" dirty="0">
                <a:solidFill>
                  <a:schemeClr val="accent2">
                    <a:lumMod val="75000"/>
                  </a:schemeClr>
                </a:solidFill>
                <a:latin typeface="Gill Sans MT" panose="020B0502020104020203" pitchFamily="34" charset="0"/>
              </a:rPr>
              <a:t>A</a:t>
            </a:r>
            <a:r>
              <a:rPr lang="en-US" sz="1400" i="1" dirty="0">
                <a:solidFill>
                  <a:prstClr val="black"/>
                </a:solidFill>
                <a:latin typeface="Gill Sans MT" panose="020B0502020104020203" pitchFamily="34" charset="0"/>
              </a:rPr>
              <a:t>|</a:t>
            </a:r>
            <a:r>
              <a:rPr lang="en-US" sz="1400" b="1" i="1" dirty="0">
                <a:solidFill>
                  <a:schemeClr val="accent1">
                    <a:lumMod val="75000"/>
                  </a:schemeClr>
                </a:solidFill>
                <a:latin typeface="Gill Sans MT" panose="020B0502020104020203" pitchFamily="34" charset="0"/>
              </a:rPr>
              <a:t>B</a:t>
            </a:r>
            <a:r>
              <a:rPr lang="en-US" sz="1400" i="1" dirty="0">
                <a:solidFill>
                  <a:prstClr val="black"/>
                </a:solidFill>
                <a:latin typeface="Gill Sans MT" panose="020B0502020104020203" pitchFamily="34" charset="0"/>
              </a:rPr>
              <a:t>    “</a:t>
            </a:r>
            <a:r>
              <a:rPr lang="en-US" sz="1400" b="1" i="1" dirty="0">
                <a:solidFill>
                  <a:schemeClr val="accent2">
                    <a:lumMod val="75000"/>
                  </a:schemeClr>
                </a:solidFill>
                <a:latin typeface="Gill Sans MT" panose="020B0502020104020203" pitchFamily="34" charset="0"/>
              </a:rPr>
              <a:t>A</a:t>
            </a:r>
            <a:r>
              <a:rPr lang="en-US" sz="1400" i="1" dirty="0">
                <a:solidFill>
                  <a:prstClr val="black"/>
                </a:solidFill>
                <a:latin typeface="Gill Sans MT" panose="020B0502020104020203" pitchFamily="34" charset="0"/>
              </a:rPr>
              <a:t> given that </a:t>
            </a:r>
            <a:r>
              <a:rPr lang="en-US" sz="1400" b="1" i="1" dirty="0">
                <a:solidFill>
                  <a:schemeClr val="accent1">
                    <a:lumMod val="75000"/>
                  </a:schemeClr>
                </a:solidFill>
                <a:latin typeface="Gill Sans MT" panose="020B0502020104020203" pitchFamily="34" charset="0"/>
              </a:rPr>
              <a:t>B</a:t>
            </a:r>
            <a:r>
              <a:rPr lang="en-US" sz="1400" i="1" dirty="0">
                <a:solidFill>
                  <a:prstClr val="black"/>
                </a:solidFill>
                <a:latin typeface="Gill Sans MT" panose="020B0502020104020203" pitchFamily="34" charset="0"/>
              </a:rPr>
              <a:t>”</a:t>
            </a:r>
            <a:endParaRPr lang="en-US" sz="1400" dirty="0"/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203058300"/>
      </p:ext>
    </p:extLst>
  </p:cSld>
  <p:clrMapOvr>
    <a:masterClrMapping/>
  </p:clrMapOvr>
  <p:transition spd="slow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  <p:cond evt="onBegin" delay="0">
                          <p:tn val="2"/>
                        </p:cond>
                      </p:stCondLst>
                      <p:childTnLst>
                        <p:par>
                          <p:cTn id="4" fill="hold" nodeType="after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1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7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9" presetID="1" presetClass="entr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" fill="hold" nodeType="clickPar">
                      <p:stCondLst>
                        <p:cond delay="indefinite"/>
                      </p:stCondLst>
                      <p:childTnLst>
                        <p:par>
                          <p:cTn id="1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" presetID="22" presetClass="entr" presetSubtype="8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5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  <p:subTnLst>
                                    <p:set>
                                      <p:cBhvr override="childStyle">
                                        <p:cTn dur="1" fill="hold" display="0" masterRel="sameClick" afterEffect="1">
                                          <p:stCondLst>
                                            <p:cond evt="end" delay="0">
                                              <p:tn val="13"/>
                                            </p:cond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subTnLst>
                                </p:cTn>
                              </p:par>
                            </p:childTnLst>
                          </p:cTn>
                        </p:par>
                        <p:par>
                          <p:cTn id="16" fill="hold" nodeType="afterGroup">
                            <p:stCondLst>
                              <p:cond delay="500"/>
                            </p:stCondLst>
                            <p:childTnLst>
                              <p:par>
                                <p:cTn id="17" presetID="1" presetClass="entr" presetSubtype="0" fill="hold" grpId="0" nodeType="after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9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 nodeType="clickPar">
                      <p:stCondLst>
                        <p:cond delay="indefinite"/>
                      </p:stCondLst>
                      <p:childTnLst>
                        <p:par>
                          <p:cTn id="2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3" presetID="22" presetClass="exit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up)">
                                      <p:cBhvr>
                                        <p:cTn id="24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26" presetID="22" presetClass="exit" presetSubtype="4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down)">
                                      <p:cBhvr>
                                        <p:cTn id="27" dur="500"/>
                                        <p:tgtEl>
                                          <p:spTgt spid="6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 nodeType="clickPar">
                      <p:stCondLst>
                        <p:cond delay="indefinite"/>
                      </p:stCondLst>
                      <p:childTnLst>
                        <p:par>
                          <p:cTn id="3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1" presetID="22" presetClass="exit" presetSubtype="8" fill="hold" grpId="1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wipe(left)">
                                      <p:cBhvr>
                                        <p:cTn id="32" dur="500"/>
                                        <p:tgtEl>
                                          <p:spTgt spid="2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4" fill="hold" nodeType="clickPar">
                      <p:stCondLst>
                        <p:cond delay="indefinite"/>
                      </p:stCondLst>
                      <p:childTnLst>
                        <p:par>
                          <p:cTn id="3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8" dur="500"/>
                                        <p:tgtEl>
                                          <p:spTgt spid="17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76" grpId="0" animBg="1"/>
      <p:bldP spid="62" grpId="0" animBg="1"/>
      <p:bldP spid="65" grpId="0" animBg="1"/>
      <p:bldP spid="65" grpId="1" animBg="1"/>
      <p:bldP spid="66" grpId="0" animBg="1"/>
      <p:bldP spid="66" grpId="1" animBg="1"/>
      <p:bldP spid="63" grpId="0" animBg="1"/>
      <p:bldP spid="24" grpId="0" animBg="1"/>
      <p:bldP spid="25" grpId="0" animBg="1"/>
      <p:bldP spid="25" grpId="1" animBg="1"/>
    </p:bld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8194" name="Group 1"/>
          <p:cNvGrpSpPr>
            <a:grpSpLocks/>
          </p:cNvGrpSpPr>
          <p:nvPr/>
        </p:nvGrpSpPr>
        <p:grpSpPr bwMode="auto">
          <a:xfrm>
            <a:off x="0" y="777875"/>
            <a:ext cx="7094538" cy="1554163"/>
            <a:chOff x="93663" y="1050925"/>
            <a:chExt cx="7094537" cy="1554463"/>
          </a:xfrm>
        </p:grpSpPr>
        <p:pic>
          <p:nvPicPr>
            <p:cNvPr id="8280" name="Picture 36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93663" y="1050925"/>
              <a:ext cx="7094537" cy="1554463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  <p:sp>
          <p:nvSpPr>
            <p:cNvPr id="66" name="Rectangle 65"/>
            <p:cNvSpPr/>
            <p:nvPr/>
          </p:nvSpPr>
          <p:spPr bwMode="auto">
            <a:xfrm>
              <a:off x="527051" y="1362135"/>
              <a:ext cx="4384674" cy="1170214"/>
            </a:xfrm>
            <a:prstGeom prst="rect">
              <a:avLst/>
            </a:prstGeom>
            <a:noFill/>
            <a:ln w="3175">
              <a:noFill/>
            </a:ln>
            <a:effectLst/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>
              <a:spAutoFit/>
            </a:bodyPr>
            <a:lstStyle/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Read the situation carefully.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	Identify the two categories. (underline)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Identify the sample space in question. (circle)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Approximate the probability. </a:t>
              </a:r>
            </a:p>
            <a:p>
              <a:pPr defTabSz="292100">
                <a:defRPr/>
              </a:pPr>
              <a:r>
                <a:rPr lang="en-US" sz="1400" dirty="0">
                  <a:solidFill>
                    <a:srgbClr val="000000"/>
                  </a:solidFill>
                  <a:latin typeface="Arial" charset="0"/>
                </a:rPr>
                <a:t>Interpret your answer. (write)</a:t>
              </a:r>
            </a:p>
          </p:txBody>
        </p:sp>
        <p:sp>
          <p:nvSpPr>
            <p:cNvPr id="67" name="Rectangle 1112"/>
            <p:cNvSpPr>
              <a:spLocks noChangeArrowheads="1"/>
            </p:cNvSpPr>
            <p:nvPr/>
          </p:nvSpPr>
          <p:spPr bwMode="auto">
            <a:xfrm>
              <a:off x="274638" y="1133491"/>
              <a:ext cx="4516437" cy="308034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 wrap="none" anchor="ctr">
              <a:spAutoFit/>
            </a:bodyPr>
            <a:lstStyle/>
            <a:p>
              <a:pPr eaLnBrk="0" fontAlgn="auto" hangingPunct="0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400" b="1" kern="0" dirty="0">
                  <a:solidFill>
                    <a:sysClr val="windowText" lastClr="000000"/>
                  </a:solidFill>
                  <a:latin typeface="Arial" pitchFamily="34" charset="0"/>
                </a:rPr>
                <a:t>Construct and interpret two-way frequency tables.</a:t>
              </a:r>
            </a:p>
          </p:txBody>
        </p:sp>
        <p:sp>
          <p:nvSpPr>
            <p:cNvPr id="78" name="Oval 77"/>
            <p:cNvSpPr/>
            <p:nvPr/>
          </p:nvSpPr>
          <p:spPr bwMode="auto">
            <a:xfrm>
              <a:off x="376238" y="1409769"/>
              <a:ext cx="173038" cy="173071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1</a:t>
              </a:r>
            </a:p>
          </p:txBody>
        </p:sp>
        <p:sp>
          <p:nvSpPr>
            <p:cNvPr id="81" name="Oval 80"/>
            <p:cNvSpPr/>
            <p:nvPr/>
          </p:nvSpPr>
          <p:spPr bwMode="auto">
            <a:xfrm>
              <a:off x="376238" y="1849592"/>
              <a:ext cx="173038" cy="173070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2</a:t>
              </a:r>
            </a:p>
          </p:txBody>
        </p:sp>
        <p:sp>
          <p:nvSpPr>
            <p:cNvPr id="82" name="Oval 81"/>
            <p:cNvSpPr/>
            <p:nvPr/>
          </p:nvSpPr>
          <p:spPr bwMode="auto">
            <a:xfrm>
              <a:off x="376238" y="2059183"/>
              <a:ext cx="173038" cy="173070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3</a:t>
              </a:r>
            </a:p>
          </p:txBody>
        </p:sp>
        <p:sp>
          <p:nvSpPr>
            <p:cNvPr id="83" name="Oval 82"/>
            <p:cNvSpPr/>
            <p:nvPr/>
          </p:nvSpPr>
          <p:spPr bwMode="auto">
            <a:xfrm>
              <a:off x="376238" y="2286238"/>
              <a:ext cx="173038" cy="173071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4</a:t>
              </a:r>
            </a:p>
          </p:txBody>
        </p:sp>
        <p:sp>
          <p:nvSpPr>
            <p:cNvPr id="87" name="Oval 86"/>
            <p:cNvSpPr/>
            <p:nvPr/>
          </p:nvSpPr>
          <p:spPr bwMode="auto">
            <a:xfrm>
              <a:off x="639763" y="1636826"/>
              <a:ext cx="173038" cy="174659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a</a:t>
              </a:r>
            </a:p>
          </p:txBody>
        </p:sp>
      </p:grpSp>
      <p:sp>
        <p:nvSpPr>
          <p:cNvPr id="50" name="Rectangle 49"/>
          <p:cNvSpPr/>
          <p:nvPr/>
        </p:nvSpPr>
        <p:spPr>
          <a:xfrm>
            <a:off x="93663" y="111125"/>
            <a:ext cx="9005887" cy="44450"/>
          </a:xfrm>
          <a:prstGeom prst="rect">
            <a:avLst/>
          </a:prstGeom>
          <a:solidFill>
            <a:srgbClr val="21A8B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defTabSz="914363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33" name="Rectangle 21"/>
          <p:cNvSpPr>
            <a:spLocks noChangeArrowheads="1"/>
          </p:cNvSpPr>
          <p:nvPr/>
        </p:nvSpPr>
        <p:spPr bwMode="auto">
          <a:xfrm>
            <a:off x="0" y="247650"/>
            <a:ext cx="5303838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defTabSz="914400">
              <a:defRPr/>
            </a:pP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A </a:t>
            </a:r>
            <a:r>
              <a:rPr lang="en-US" sz="1600" b="1" u="sng" dirty="0">
                <a:solidFill>
                  <a:srgbClr val="000000"/>
                </a:solidFill>
                <a:latin typeface="Arial" charset="0"/>
                <a:cs typeface="+mn-cs"/>
              </a:rPr>
              <a:t>two-way frequency table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 shows data from one</a:t>
            </a:r>
            <a:r>
              <a:rPr lang="en-US" sz="1600" b="1" dirty="0">
                <a:solidFill>
                  <a:srgbClr val="000000"/>
                </a:solidFill>
                <a:latin typeface="Arial" charset="0"/>
                <a:cs typeface="+mn-cs"/>
              </a:rPr>
              <a:t> sample group 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as it relates to </a:t>
            </a:r>
            <a:r>
              <a:rPr lang="en-US" sz="1600" b="1" dirty="0">
                <a:solidFill>
                  <a:srgbClr val="000000"/>
                </a:solidFill>
                <a:latin typeface="Arial" charset="0"/>
                <a:cs typeface="+mn-cs"/>
              </a:rPr>
              <a:t>two different categories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.</a:t>
            </a:r>
          </a:p>
        </p:txBody>
      </p:sp>
      <p:graphicFrame>
        <p:nvGraphicFramePr>
          <p:cNvPr id="38" name="Table 37"/>
          <p:cNvGraphicFramePr>
            <a:graphicFrameLocks noGrp="1"/>
          </p:cNvGraphicFramePr>
          <p:nvPr/>
        </p:nvGraphicFramePr>
        <p:xfrm>
          <a:off x="93663" y="4068763"/>
          <a:ext cx="6581774" cy="2378076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329088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329088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</a:tblGrid>
              <a:tr h="1189038"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5. 	Estimate the probability that a student will favor football given that the student is male.</a:t>
                      </a:r>
                    </a:p>
                  </a:txBody>
                  <a:tcPr marL="91445" marR="91445" marT="45733" marB="45733">
                    <a:lnL w="12700" cmpd="sng">
                      <a:noFill/>
                    </a:lnL>
                    <a:lnR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mpd="sng">
                      <a:noFill/>
                    </a:lnT>
                    <a:lnB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6. 	Estimate the probability that a student will favor soccer</a:t>
                      </a:r>
                      <a:r>
                        <a:rPr lang="en-US" sz="1400" b="0" baseline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 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given that the student is female.</a:t>
                      </a:r>
                    </a:p>
                  </a:txBody>
                  <a:tcPr marL="91445" marR="91445" marT="45733" marB="45733">
                    <a:lnL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1189038"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7. 	Estimate the probability that a student will favor basketball or football given that the student is female.</a:t>
                      </a:r>
                    </a:p>
                  </a:txBody>
                  <a:tcPr marL="91445" marR="91445" marT="45733" marB="45733">
                    <a:lnL w="12700" cmpd="sng">
                      <a:noFill/>
                    </a:lnL>
                    <a:lnR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8. 	Estimate the probability that a student will favor soccer</a:t>
                      </a:r>
                      <a:r>
                        <a:rPr lang="en-US" sz="1400" b="0" baseline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 or basketball, given that the student is male</a:t>
                      </a:r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.</a:t>
                      </a:r>
                    </a:p>
                  </a:txBody>
                  <a:tcPr marL="91445" marR="91445" marT="45733" marB="45733">
                    <a:lnL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mpd="sng">
                      <a:noFill/>
                    </a:lnR>
                    <a:lnT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381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39" name="Table 38"/>
          <p:cNvGraphicFramePr>
            <a:graphicFrameLocks noGrp="1"/>
          </p:cNvGraphicFramePr>
          <p:nvPr/>
        </p:nvGraphicFramePr>
        <p:xfrm>
          <a:off x="962025" y="2832100"/>
          <a:ext cx="4845049" cy="1146176"/>
        </p:xfrm>
        <a:graphic>
          <a:graphicData uri="http://schemas.openxmlformats.org/drawingml/2006/table">
            <a:tbl>
              <a:tblPr firstRow="1" firstCol="1" bandRow="1"/>
              <a:tblGrid>
                <a:gridCol w="89723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96452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045274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969009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  <a:gridCol w="969009">
                  <a:extLst>
                    <a:ext uri="{9D8B030D-6E8A-4147-A177-3AD203B41FA5}">
                      <a16:colId xmlns:a16="http://schemas.microsoft.com/office/drawing/2014/main" val="20004"/>
                    </a:ext>
                  </a:extLst>
                </a:gridCol>
              </a:tblGrid>
              <a:tr h="286544">
                <a:tc>
                  <a:txBody>
                    <a:bodyPr/>
                    <a:lstStyle/>
                    <a:p>
                      <a:pPr marL="0" marR="0" algn="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6" marR="36576" marT="36579" marB="36579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Soccer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Football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Basketball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Male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6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9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5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20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Female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2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8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0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30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8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7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15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b="1" dirty="0">
                          <a:solidFill>
                            <a:schemeClr val="accent3">
                              <a:lumMod val="50000"/>
                            </a:schemeClr>
                          </a:solidFill>
                          <a:effectLst/>
                          <a:latin typeface="Gill Sans MT" pitchFamily="34" charset="0"/>
                          <a:ea typeface="Times New Roman"/>
                        </a:rPr>
                        <a:t>50</a:t>
                      </a:r>
                    </a:p>
                  </a:txBody>
                  <a:tcPr marL="36576" marR="36576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</a:tbl>
          </a:graphicData>
        </a:graphic>
      </p:graphicFrame>
      <p:sp>
        <p:nvSpPr>
          <p:cNvPr id="8236" name="Rectangle 46"/>
          <p:cNvSpPr>
            <a:spLocks noChangeArrowheads="1"/>
          </p:cNvSpPr>
          <p:nvPr/>
        </p:nvSpPr>
        <p:spPr bwMode="auto">
          <a:xfrm>
            <a:off x="593725" y="2257425"/>
            <a:ext cx="5580063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/>
            <a:r>
              <a:rPr lang="en-US" altLang="en-US" sz="1400" i="1" dirty="0">
                <a:latin typeface="Gill Sans MT" panose="020B0502020104020203" pitchFamily="34" charset="0"/>
              </a:rPr>
              <a:t>A survey of 50 male and female students is conducted to determine each student’s choice of their favorite sport from soccer, football, and basketball.</a:t>
            </a:r>
            <a:endParaRPr lang="en-US" altLang="en-US" sz="1400" dirty="0">
              <a:latin typeface="Gill Sans MT" panose="020B0502020104020203" pitchFamily="34" charset="0"/>
            </a:endParaRPr>
          </a:p>
        </p:txBody>
      </p:sp>
      <p:cxnSp>
        <p:nvCxnSpPr>
          <p:cNvPr id="3" name="Straight Connector 2"/>
          <p:cNvCxnSpPr/>
          <p:nvPr/>
        </p:nvCxnSpPr>
        <p:spPr>
          <a:xfrm>
            <a:off x="1998663" y="2482850"/>
            <a:ext cx="1143000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8" name="Straight Connector 47"/>
          <p:cNvCxnSpPr/>
          <p:nvPr/>
        </p:nvCxnSpPr>
        <p:spPr>
          <a:xfrm>
            <a:off x="3827463" y="2705100"/>
            <a:ext cx="2024062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2" name="Rounded Rectangle 1"/>
          <p:cNvSpPr/>
          <p:nvPr/>
        </p:nvSpPr>
        <p:spPr bwMode="auto">
          <a:xfrm>
            <a:off x="2817813" y="3124200"/>
            <a:ext cx="1054100" cy="274638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28" name="Rounded Rectangle 27"/>
          <p:cNvSpPr/>
          <p:nvPr/>
        </p:nvSpPr>
        <p:spPr bwMode="auto">
          <a:xfrm>
            <a:off x="4840288" y="3124200"/>
            <a:ext cx="965200" cy="274638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29" name="Rounded Rectangle 28"/>
          <p:cNvSpPr/>
          <p:nvPr/>
        </p:nvSpPr>
        <p:spPr bwMode="auto">
          <a:xfrm>
            <a:off x="709613" y="4343400"/>
            <a:ext cx="492125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30" name="Rounded Rectangle 29"/>
          <p:cNvSpPr/>
          <p:nvPr/>
        </p:nvSpPr>
        <p:spPr bwMode="auto">
          <a:xfrm>
            <a:off x="2805113" y="4343400"/>
            <a:ext cx="368300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31" name="Rounded Rectangle 30"/>
          <p:cNvSpPr/>
          <p:nvPr/>
        </p:nvSpPr>
        <p:spPr bwMode="auto">
          <a:xfrm>
            <a:off x="4008438" y="4343400"/>
            <a:ext cx="447675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35" name="Rounded Rectangle 34"/>
          <p:cNvSpPr/>
          <p:nvPr/>
        </p:nvSpPr>
        <p:spPr bwMode="auto">
          <a:xfrm>
            <a:off x="6056313" y="4343400"/>
            <a:ext cx="492125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36" name="Rounded Rectangle 35"/>
          <p:cNvSpPr/>
          <p:nvPr/>
        </p:nvSpPr>
        <p:spPr bwMode="auto">
          <a:xfrm>
            <a:off x="1866900" y="3413125"/>
            <a:ext cx="958850" cy="273050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37" name="Rounded Rectangle 36"/>
          <p:cNvSpPr/>
          <p:nvPr/>
        </p:nvSpPr>
        <p:spPr bwMode="auto">
          <a:xfrm>
            <a:off x="4840288" y="3413125"/>
            <a:ext cx="965200" cy="273050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grpSp>
        <p:nvGrpSpPr>
          <p:cNvPr id="8247" name="Group 2"/>
          <p:cNvGrpSpPr>
            <a:grpSpLocks/>
          </p:cNvGrpSpPr>
          <p:nvPr/>
        </p:nvGrpSpPr>
        <p:grpSpPr bwMode="auto">
          <a:xfrm>
            <a:off x="6729413" y="2135188"/>
            <a:ext cx="2598737" cy="3944937"/>
            <a:chOff x="5923730" y="3989700"/>
            <a:chExt cx="2597350" cy="3945671"/>
          </a:xfrm>
        </p:grpSpPr>
        <p:grpSp>
          <p:nvGrpSpPr>
            <p:cNvPr id="8275" name="Group 43"/>
            <p:cNvGrpSpPr>
              <a:grpSpLocks/>
            </p:cNvGrpSpPr>
            <p:nvPr/>
          </p:nvGrpSpPr>
          <p:grpSpPr bwMode="auto">
            <a:xfrm>
              <a:off x="5923730" y="3989700"/>
              <a:ext cx="2597350" cy="3945671"/>
              <a:chOff x="6147749" y="3867044"/>
              <a:chExt cx="2597350" cy="3945671"/>
            </a:xfrm>
          </p:grpSpPr>
          <p:sp>
            <p:nvSpPr>
              <p:cNvPr id="51" name="Application Card Vector"/>
              <p:cNvSpPr/>
              <p:nvPr/>
            </p:nvSpPr>
            <p:spPr bwMode="auto">
              <a:xfrm rot="21540000">
                <a:off x="6147749" y="3867044"/>
                <a:ext cx="2597350" cy="3945671"/>
              </a:xfrm>
              <a:prstGeom prst="rect">
                <a:avLst/>
              </a:prstGeom>
              <a:gradFill flip="none" rotWithShape="1">
                <a:gsLst>
                  <a:gs pos="0">
                    <a:schemeClr val="bg1"/>
                  </a:gs>
                  <a:gs pos="75000">
                    <a:schemeClr val="bg1">
                      <a:lumMod val="95000"/>
                    </a:schemeClr>
                  </a:gs>
                  <a:gs pos="100000">
                    <a:schemeClr val="bg1">
                      <a:lumMod val="90000"/>
                    </a:schemeClr>
                  </a:gs>
                </a:gsLst>
                <a:lin ang="2700000" scaled="1"/>
                <a:tileRect/>
              </a:gradFill>
              <a:ln w="3175">
                <a:noFill/>
              </a:ln>
              <a:effectLst>
                <a:outerShdw blurRad="50800" dist="25400" dir="13500000" algn="br" rotWithShape="0">
                  <a:prstClr val="black">
                    <a:alpha val="42000"/>
                  </a:prstClr>
                </a:outerShdw>
              </a:effectLst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anchor="ctr"/>
              <a:lstStyle/>
              <a:p>
                <a:pPr algn="ctr">
                  <a:defRPr/>
                </a:pPr>
                <a:endParaRPr lang="en-US" dirty="0"/>
              </a:p>
            </p:txBody>
          </p:sp>
          <p:pic>
            <p:nvPicPr>
              <p:cNvPr id="8278" name="Picture 129" descr="C:\Documents and Settings\jim\Desktop\Transparent PNG\Magnifying glass transparent lens.png"/>
              <p:cNvPicPr>
                <a:picLocks noChangeAspect="1" noChangeArrowheads="1"/>
              </p:cNvPicPr>
              <p:nvPr/>
            </p:nvPicPr>
            <p:blipFill>
              <a:blip r:embed="rId5">
                <a:extLst>
                  <a:ext uri="{28A0092B-C50C-407E-A947-70E740481C1C}">
                    <a14:useLocalDpi xmlns:a14="http://schemas.microsoft.com/office/drawing/2010/main" val="0"/>
                  </a:ext>
                </a:extLst>
              </a:blip>
              <a:srcRect/>
              <a:stretch>
                <a:fillRect/>
              </a:stretch>
            </p:blipFill>
            <p:spPr bwMode="auto">
              <a:xfrm rot="6686847">
                <a:off x="6159534" y="3992755"/>
                <a:ext cx="361502" cy="221203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</p:pic>
          <p:sp>
            <p:nvSpPr>
              <p:cNvPr id="8279" name="Text Box 1302"/>
              <p:cNvSpPr txBox="1">
                <a:spLocks noChangeArrowheads="1"/>
              </p:cNvSpPr>
              <p:nvPr/>
            </p:nvSpPr>
            <p:spPr bwMode="auto">
              <a:xfrm>
                <a:off x="6419363" y="3925210"/>
                <a:ext cx="1144596" cy="307600"/>
              </a:xfrm>
              <a:prstGeom prst="rect">
                <a:avLst/>
              </a:prstGeom>
              <a:noFill/>
              <a:ln>
                <a:noFill/>
              </a:ln>
              <a:extLst>
                <a:ext uri="{909E8E84-426E-40DD-AFC4-6F175D3DCCD1}">
                  <a14:hiddenFill xmlns:a14="http://schemas.microsoft.com/office/drawing/2010/main">
                    <a:solidFill>
                      <a:srgbClr val="FFFFFF"/>
                    </a:solidFill>
                  </a14:hiddenFill>
                </a:ext>
                <a:ext uri="{91240B29-F687-4F45-9708-019B960494DF}">
                  <a14:hiddenLine xmlns:a14="http://schemas.microsoft.com/office/drawing/2010/main" w="9525">
                    <a:solidFill>
                      <a:srgbClr val="000000"/>
                    </a:solidFill>
                    <a:miter lim="800000"/>
                    <a:headEnd/>
                    <a:tailEnd/>
                  </a14:hiddenLine>
                </a:ext>
              </a:extLst>
            </p:spPr>
            <p:txBody>
              <a:bodyPr wrap="none">
                <a:spAutoFit/>
              </a:bodyPr>
              <a:lstStyle>
                <a:lvl1pPr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1pPr>
                <a:lvl2pPr marL="742950" indent="-28575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2pPr>
                <a:lvl3pPr marL="11430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3pPr>
                <a:lvl4pPr marL="16002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4pPr>
                <a:lvl5pPr marL="2057400" indent="-228600" eaLnBrk="0" hangingPunct="0"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5pPr>
                <a:lvl6pPr marL="25146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6pPr>
                <a:lvl7pPr marL="29718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7pPr>
                <a:lvl8pPr marL="34290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8pPr>
                <a:lvl9pPr marL="3886200" indent="-228600" defTabSz="912813" eaLnBrk="0" fontAlgn="base" hangingPunct="0">
                  <a:spcBef>
                    <a:spcPct val="0"/>
                  </a:spcBef>
                  <a:spcAft>
                    <a:spcPct val="0"/>
                  </a:spcAft>
                  <a:defRPr>
                    <a:solidFill>
                      <a:schemeClr val="tx1"/>
                    </a:solidFill>
                    <a:latin typeface="Calibri" panose="020F0502020204030204" pitchFamily="34" charset="0"/>
                    <a:cs typeface="Arial" panose="020B0604020202020204" pitchFamily="34" charset="0"/>
                  </a:defRPr>
                </a:lvl9pPr>
              </a:lstStyle>
              <a:p>
                <a:pPr eaLnBrk="1" hangingPunct="1"/>
                <a:r>
                  <a:rPr lang="en-US" altLang="en-US" sz="1400" b="1">
                    <a:latin typeface="Gill Sans MT" panose="020B0502020104020203" pitchFamily="34" charset="0"/>
                    <a:ea typeface="Arial Unicode MS" panose="020B0604020202020204" pitchFamily="34" charset="-128"/>
                    <a:cs typeface="Arial Unicode MS" panose="020B0604020202020204" pitchFamily="34" charset="-128"/>
                  </a:rPr>
                  <a:t>Application</a:t>
                </a:r>
              </a:p>
            </p:txBody>
          </p:sp>
        </p:grpSp>
        <p:sp>
          <p:nvSpPr>
            <p:cNvPr id="8276" name="TextBox 1"/>
            <p:cNvSpPr txBox="1">
              <a:spLocks noChangeArrowheads="1"/>
            </p:cNvSpPr>
            <p:nvPr/>
          </p:nvSpPr>
          <p:spPr bwMode="auto">
            <a:xfrm>
              <a:off x="5943586" y="4299577"/>
              <a:ext cx="2393845" cy="359091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  <p:txBody>
            <a:bodyPr>
              <a:spAutoFit/>
            </a:bodyPr>
            <a:lstStyle>
              <a:lvl1pPr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1pPr>
              <a:lvl2pPr marL="742950" indent="-28575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2pPr>
              <a:lvl3pPr marL="11430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3pPr>
              <a:lvl4pPr marL="16002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4pPr>
              <a:lvl5pPr marL="2057400" indent="-228600" eaLnBrk="0" hangingPunct="0"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5pPr>
              <a:lvl6pPr marL="25146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6pPr>
              <a:lvl7pPr marL="29718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7pPr>
              <a:lvl8pPr marL="34290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8pPr>
              <a:lvl9pPr marL="3886200" indent="-228600" defTabSz="912813" eaLnBrk="0" fontAlgn="base" hangingPunct="0">
                <a:spcBef>
                  <a:spcPct val="0"/>
                </a:spcBef>
                <a:spcAft>
                  <a:spcPct val="0"/>
                </a:spcAft>
                <a:defRPr>
                  <a:solidFill>
                    <a:schemeClr val="tx1"/>
                  </a:solidFill>
                  <a:latin typeface="Calibri" panose="020F0502020204030204" pitchFamily="34" charset="0"/>
                  <a:cs typeface="Arial" panose="020B0604020202020204" pitchFamily="34" charset="0"/>
                </a:defRPr>
              </a:lvl9pPr>
            </a:lstStyle>
            <a:p>
              <a:pPr eaLnBrk="1" hangingPunct="1"/>
              <a:r>
                <a:rPr lang="en-US" altLang="en-US" sz="1200">
                  <a:latin typeface="Arial Narrow" panose="020B0606020202030204" pitchFamily="34" charset="0"/>
                </a:rPr>
                <a:t>Determine whether the given events  are independent. Explain.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T:    𝑷(𝒇𝒐𝒐𝒕𝒃𝒂𝒍𝒍│𝒎𝒂𝒍𝒆)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______________________________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______________________________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______________________________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______________________________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S:    𝑷(𝒔𝒐𝒄𝒄𝒆𝒓│𝒇𝒆𝒎𝒂𝒍𝒆)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______________________________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______________________________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______________________________</a:t>
              </a:r>
            </a:p>
            <a:p>
              <a:pPr eaLnBrk="1" hangingPunct="1">
                <a:spcBef>
                  <a:spcPts val="1000"/>
                </a:spcBef>
              </a:pPr>
              <a:r>
                <a:rPr lang="en-US" altLang="en-US" sz="1200">
                  <a:latin typeface="Arial Narrow" panose="020B0606020202030204" pitchFamily="34" charset="0"/>
                </a:rPr>
                <a:t>______________________________</a:t>
              </a:r>
            </a:p>
          </p:txBody>
        </p:sp>
      </p:grpSp>
      <p:sp>
        <p:nvSpPr>
          <p:cNvPr id="54" name="Rectangle 53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66039" y="4739028"/>
            <a:ext cx="1924758" cy="307777"/>
          </a:xfrm>
          <a:prstGeom prst="rect">
            <a:avLst/>
          </a:prstGeom>
          <a:blipFill rotWithShape="1">
            <a:blip r:embed="rId6"/>
            <a:stretch>
              <a:fillRect b="-7843"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5" name="Rectangle 4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2581854" y="4739028"/>
            <a:ext cx="795089" cy="307777"/>
          </a:xfrm>
          <a:prstGeom prst="rect">
            <a:avLst/>
          </a:prstGeom>
          <a:blipFill rotWithShape="1">
            <a:blip r:embed="rId7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7" name="Rectangle 6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1917259" y="4549491"/>
            <a:ext cx="708464" cy="697755"/>
          </a:xfrm>
          <a:prstGeom prst="rect">
            <a:avLst/>
          </a:prstGeom>
          <a:blipFill rotWithShape="1">
            <a:blip r:embed="rId8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55" name="Rectangle 54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3385059" y="4722945"/>
            <a:ext cx="1960024" cy="307777"/>
          </a:xfrm>
          <a:prstGeom prst="rect">
            <a:avLst/>
          </a:prstGeom>
          <a:blipFill rotWithShape="1">
            <a:blip r:embed="rId9"/>
            <a:stretch>
              <a:fillRect b="-10000"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56" name="Rectangle 55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5900874" y="4722945"/>
            <a:ext cx="687689" cy="307777"/>
          </a:xfrm>
          <a:prstGeom prst="rect">
            <a:avLst/>
          </a:prstGeom>
          <a:blipFill rotWithShape="1">
            <a:blip r:embed="rId10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57" name="Rectangle 56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5236279" y="4533408"/>
            <a:ext cx="708464" cy="697755"/>
          </a:xfrm>
          <a:prstGeom prst="rect">
            <a:avLst/>
          </a:prstGeom>
          <a:blipFill rotWithShape="1">
            <a:blip r:embed="rId11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58" name="Rectangle 57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2683" y="5921573"/>
            <a:ext cx="3354636" cy="307777"/>
          </a:xfrm>
          <a:prstGeom prst="rect">
            <a:avLst/>
          </a:prstGeom>
          <a:blipFill rotWithShape="1">
            <a:blip r:embed="rId12"/>
            <a:stretch>
              <a:fillRect b="-7843"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59" name="Rectangle 58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1873946" y="6355048"/>
            <a:ext cx="687689" cy="307777"/>
          </a:xfrm>
          <a:prstGeom prst="rect">
            <a:avLst/>
          </a:prstGeom>
          <a:blipFill rotWithShape="1">
            <a:blip r:embed="rId13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60" name="Rectangle 59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1224890" y="6164286"/>
            <a:ext cx="708464" cy="697755"/>
          </a:xfrm>
          <a:prstGeom prst="rect">
            <a:avLst/>
          </a:prstGeom>
          <a:blipFill rotWithShape="1">
            <a:blip r:embed="rId14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61" name="Rounded Rectangle 60"/>
          <p:cNvSpPr/>
          <p:nvPr/>
        </p:nvSpPr>
        <p:spPr bwMode="auto">
          <a:xfrm>
            <a:off x="2825750" y="3413125"/>
            <a:ext cx="2022475" cy="273050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62" name="Rectangle 61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3411289" y="5927824"/>
            <a:ext cx="2989152" cy="307777"/>
          </a:xfrm>
          <a:prstGeom prst="rect">
            <a:avLst/>
          </a:prstGeom>
          <a:blipFill rotWithShape="1">
            <a:blip r:embed="rId15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63" name="Rectangle 62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5282552" y="6361299"/>
            <a:ext cx="795089" cy="307777"/>
          </a:xfrm>
          <a:prstGeom prst="rect">
            <a:avLst/>
          </a:prstGeom>
          <a:blipFill rotWithShape="1">
            <a:blip r:embed="rId16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64" name="Rectangle 63"/>
          <p:cNvSpPr>
            <a:spLocks noRot="1" noChangeAspect="1" noMove="1" noResize="1" noEditPoints="1" noAdjustHandles="1" noChangeArrowheads="1" noChangeShapeType="1" noTextEdit="1"/>
          </p:cNvSpPr>
          <p:nvPr/>
        </p:nvSpPr>
        <p:spPr>
          <a:xfrm>
            <a:off x="4633496" y="6170537"/>
            <a:ext cx="708464" cy="697755"/>
          </a:xfrm>
          <a:prstGeom prst="rect">
            <a:avLst/>
          </a:prstGeom>
          <a:blipFill rotWithShape="1">
            <a:blip r:embed="rId17"/>
            <a:stretch>
              <a:fillRect/>
            </a:stretch>
          </a:blipFill>
        </p:spPr>
        <p:txBody>
          <a:bodyPr/>
          <a:lstStyle/>
          <a:p>
            <a:pPr>
              <a:defRPr/>
            </a:pPr>
            <a:r>
              <a:rPr lang="en-US">
                <a:noFill/>
              </a:rPr>
              <a:t> </a:t>
            </a:r>
          </a:p>
        </p:txBody>
      </p:sp>
      <p:sp>
        <p:nvSpPr>
          <p:cNvPr id="65" name="Rounded Rectangle 64"/>
          <p:cNvSpPr/>
          <p:nvPr/>
        </p:nvSpPr>
        <p:spPr bwMode="auto">
          <a:xfrm>
            <a:off x="1866900" y="3122613"/>
            <a:ext cx="958850" cy="273050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68" name="Rounded Rectangle 67"/>
          <p:cNvSpPr/>
          <p:nvPr/>
        </p:nvSpPr>
        <p:spPr bwMode="auto">
          <a:xfrm>
            <a:off x="3871913" y="3128963"/>
            <a:ext cx="958850" cy="274637"/>
          </a:xfrm>
          <a:prstGeom prst="roundRect">
            <a:avLst/>
          </a:prstGeom>
          <a:solidFill>
            <a:srgbClr val="FF0000">
              <a:alpha val="14902"/>
            </a:srgbClr>
          </a:solidFill>
          <a:ln w="28575" algn="ctr">
            <a:solidFill>
              <a:srgbClr val="FF0000"/>
            </a:solidFill>
            <a:miter lim="800000"/>
            <a:headEnd/>
            <a:tailEnd/>
          </a:ln>
          <a:effectLst/>
          <a:extLst/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69" name="Rounded Rectangle 68"/>
          <p:cNvSpPr/>
          <p:nvPr/>
        </p:nvSpPr>
        <p:spPr bwMode="auto">
          <a:xfrm>
            <a:off x="709613" y="5524500"/>
            <a:ext cx="1376362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70" name="Rounded Rectangle 69"/>
          <p:cNvSpPr/>
          <p:nvPr/>
        </p:nvSpPr>
        <p:spPr bwMode="auto">
          <a:xfrm>
            <a:off x="1003300" y="5743575"/>
            <a:ext cx="492125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71" name="Rounded Rectangle 70"/>
          <p:cNvSpPr/>
          <p:nvPr/>
        </p:nvSpPr>
        <p:spPr bwMode="auto">
          <a:xfrm>
            <a:off x="4008438" y="5527675"/>
            <a:ext cx="1336675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72" name="Rounded Rectangle 71"/>
          <p:cNvSpPr/>
          <p:nvPr/>
        </p:nvSpPr>
        <p:spPr bwMode="auto">
          <a:xfrm>
            <a:off x="4287838" y="5746750"/>
            <a:ext cx="369887" cy="206375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sp>
        <p:nvSpPr>
          <p:cNvPr id="6" name="Rectangle 5"/>
          <p:cNvSpPr>
            <a:spLocks noChangeArrowheads="1"/>
          </p:cNvSpPr>
          <p:nvPr/>
        </p:nvSpPr>
        <p:spPr bwMode="auto">
          <a:xfrm>
            <a:off x="6750050" y="3160713"/>
            <a:ext cx="2301875" cy="13223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>
              <a:lnSpc>
                <a:spcPts val="2400"/>
              </a:lnSpc>
            </a:pP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</a:rPr>
              <a:t>The events of a student favoring football and being male are NOT independent because </a:t>
            </a:r>
            <a:r>
              <a:rPr lang="en-US" altLang="en-US" sz="1100" i="1">
                <a:solidFill>
                  <a:srgbClr val="FF0000"/>
                </a:solidFill>
                <a:latin typeface="Arial Narrow" panose="020B0606020202030204" pitchFamily="34" charset="0"/>
              </a:rPr>
              <a:t>P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</a:rPr>
              <a:t>(football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  <a:sym typeface="Symbol" panose="05050102010706020507" pitchFamily="18" charset="2"/>
              </a:rPr>
              <a:t>male) ≈ 0.45 is </a:t>
            </a:r>
            <a:r>
              <a:rPr lang="en-US" altLang="en-US" sz="1100" b="1">
                <a:solidFill>
                  <a:srgbClr val="FF0000"/>
                </a:solidFill>
                <a:latin typeface="Arial Narrow" panose="020B0606020202030204" pitchFamily="34" charset="0"/>
                <a:sym typeface="Symbol" panose="05050102010706020507" pitchFamily="18" charset="2"/>
              </a:rPr>
              <a:t>NOT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  <a:sym typeface="Symbol" panose="05050102010706020507" pitchFamily="18" charset="2"/>
              </a:rPr>
              <a:t> approximately equal to </a:t>
            </a:r>
            <a:r>
              <a:rPr lang="en-US" altLang="en-US" sz="1100" i="1">
                <a:solidFill>
                  <a:srgbClr val="FF0000"/>
                </a:solidFill>
                <a:latin typeface="Arial Narrow" panose="020B0606020202030204" pitchFamily="34" charset="0"/>
              </a:rPr>
              <a:t>P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</a:rPr>
              <a:t>(football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  <a:sym typeface="Symbol" panose="05050102010706020507" pitchFamily="18" charset="2"/>
              </a:rPr>
              <a:t>) = 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</a:rPr>
              <a:t>0.34. </a:t>
            </a:r>
            <a:endParaRPr lang="en-US" altLang="en-US" sz="1400">
              <a:solidFill>
                <a:srgbClr val="FF0000"/>
              </a:solidFill>
            </a:endParaRPr>
          </a:p>
        </p:txBody>
      </p:sp>
      <p:sp>
        <p:nvSpPr>
          <p:cNvPr id="74" name="Rectangle 73"/>
          <p:cNvSpPr>
            <a:spLocks noChangeArrowheads="1"/>
          </p:cNvSpPr>
          <p:nvPr/>
        </p:nvSpPr>
        <p:spPr bwMode="auto">
          <a:xfrm>
            <a:off x="6767513" y="4702175"/>
            <a:ext cx="2303462" cy="12827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>
              <a:lnSpc>
                <a:spcPts val="2400"/>
              </a:lnSpc>
            </a:pP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</a:rPr>
              <a:t>The events of a student favoring soccer and being female are NOT independent because </a:t>
            </a:r>
            <a:r>
              <a:rPr lang="en-US" altLang="en-US" sz="1100" i="1">
                <a:solidFill>
                  <a:srgbClr val="FF0000"/>
                </a:solidFill>
                <a:latin typeface="Arial Narrow" panose="020B0606020202030204" pitchFamily="34" charset="0"/>
              </a:rPr>
              <a:t>P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</a:rPr>
              <a:t>(soccer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  <a:sym typeface="Symbol" panose="05050102010706020507" pitchFamily="18" charset="2"/>
              </a:rPr>
              <a:t>female) ≈ 0.4 is NOT approximately equal to </a:t>
            </a:r>
            <a:r>
              <a:rPr lang="en-US" altLang="en-US" sz="1100" i="1">
                <a:solidFill>
                  <a:srgbClr val="FF0000"/>
                </a:solidFill>
                <a:latin typeface="Arial Narrow" panose="020B0606020202030204" pitchFamily="34" charset="0"/>
              </a:rPr>
              <a:t>P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</a:rPr>
              <a:t>(soccer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  <a:sym typeface="Symbol" panose="05050102010706020507" pitchFamily="18" charset="2"/>
              </a:rPr>
              <a:t>) = </a:t>
            </a:r>
            <a:r>
              <a:rPr lang="en-US" altLang="en-US" sz="1100">
                <a:solidFill>
                  <a:srgbClr val="FF0000"/>
                </a:solidFill>
                <a:latin typeface="Arial Narrow" panose="020B0606020202030204" pitchFamily="34" charset="0"/>
              </a:rPr>
              <a:t>0.36. </a:t>
            </a:r>
            <a:endParaRPr lang="en-US" altLang="en-US" sz="1400">
              <a:solidFill>
                <a:srgbClr val="FF0000"/>
              </a:solidFill>
            </a:endParaRPr>
          </a:p>
        </p:txBody>
      </p:sp>
      <p:sp>
        <p:nvSpPr>
          <p:cNvPr id="75" name="Heading"/>
          <p:cNvSpPr/>
          <p:nvPr/>
        </p:nvSpPr>
        <p:spPr bwMode="auto">
          <a:xfrm>
            <a:off x="0" y="0"/>
            <a:ext cx="2876550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Skill Development/Guided Practice 2</a:t>
            </a:r>
          </a:p>
        </p:txBody>
      </p:sp>
      <p:grpSp>
        <p:nvGrpSpPr>
          <p:cNvPr id="8270" name="Group 63"/>
          <p:cNvGrpSpPr>
            <a:grpSpLocks/>
          </p:cNvGrpSpPr>
          <p:nvPr/>
        </p:nvGrpSpPr>
        <p:grpSpPr bwMode="auto">
          <a:xfrm>
            <a:off x="6761163" y="1071563"/>
            <a:ext cx="2190750" cy="966787"/>
            <a:chOff x="6742113" y="947738"/>
            <a:chExt cx="2190750" cy="966737"/>
          </a:xfrm>
        </p:grpSpPr>
        <p:sp>
          <p:nvSpPr>
            <p:cNvPr id="76" name="Rectangle 75"/>
            <p:cNvSpPr/>
            <p:nvPr/>
          </p:nvSpPr>
          <p:spPr bwMode="auto">
            <a:xfrm>
              <a:off x="6742113" y="947738"/>
              <a:ext cx="2184400" cy="966737"/>
            </a:xfrm>
            <a:prstGeom prst="rect">
              <a:avLst/>
            </a:prstGeom>
            <a:gradFill flip="none" rotWithShape="1">
              <a:gsLst>
                <a:gs pos="0">
                  <a:srgbClr val="C0ECFC"/>
                </a:gs>
                <a:gs pos="32000">
                  <a:srgbClr val="F7FDFF"/>
                </a:gs>
                <a:gs pos="100000">
                  <a:srgbClr val="FFFFFF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74320" tIns="301752" rIns="45720">
              <a:spAutoFit/>
            </a:bodyPr>
            <a:lstStyle/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How did I/you identify the sample space in question?</a:t>
              </a:r>
            </a:p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How did I/you approximate the conditional probability?</a:t>
              </a:r>
            </a:p>
          </p:txBody>
        </p:sp>
        <p:sp>
          <p:nvSpPr>
            <p:cNvPr id="77" name="Rectangle 76"/>
            <p:cNvSpPr/>
            <p:nvPr/>
          </p:nvSpPr>
          <p:spPr bwMode="auto">
            <a:xfrm>
              <a:off x="6748463" y="947738"/>
              <a:ext cx="2184400" cy="231763"/>
            </a:xfrm>
            <a:prstGeom prst="rect">
              <a:avLst/>
            </a:prstGeom>
            <a:solidFill>
              <a:srgbClr val="08749A"/>
            </a:solidFill>
            <a:ln w="3175">
              <a:solidFill>
                <a:schemeClr val="accent1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1000" b="1" dirty="0">
                  <a:solidFill>
                    <a:prstClr val="white"/>
                  </a:solidFill>
                  <a:latin typeface="Gill Sans MT" pitchFamily="34" charset="0"/>
                  <a:cs typeface="Arial" charset="0"/>
                </a:rPr>
                <a:t>CFU</a:t>
              </a:r>
            </a:p>
          </p:txBody>
        </p:sp>
        <p:sp>
          <p:nvSpPr>
            <p:cNvPr id="79" name="Oval 78"/>
            <p:cNvSpPr/>
            <p:nvPr/>
          </p:nvSpPr>
          <p:spPr bwMode="auto">
            <a:xfrm>
              <a:off x="6808788" y="1235060"/>
              <a:ext cx="173037" cy="173029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2</a:t>
              </a:r>
            </a:p>
          </p:txBody>
        </p:sp>
        <p:sp>
          <p:nvSpPr>
            <p:cNvPr id="80" name="Oval 79"/>
            <p:cNvSpPr/>
            <p:nvPr/>
          </p:nvSpPr>
          <p:spPr bwMode="auto">
            <a:xfrm>
              <a:off x="6808788" y="1547782"/>
              <a:ext cx="173037" cy="173028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3</a:t>
              </a:r>
            </a:p>
          </p:txBody>
        </p:sp>
      </p:grpSp>
    </p:spTree>
    <p:custDataLst>
      <p:tags r:id="rId1"/>
    </p:custDataLst>
  </p:cSld>
  <p:clrMapOvr>
    <a:masterClrMapping/>
  </p:clrMapOvr>
  <p:transition spd="slow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38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9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0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1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2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3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4" fill="hold" nodeType="clickPar">
                      <p:stCondLst>
                        <p:cond delay="indefinite"/>
                      </p:stCondLst>
                      <p:childTnLst>
                        <p:par>
                          <p:cTn id="4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8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9" fill="hold" nodeType="clickPar">
                      <p:stCondLst>
                        <p:cond delay="indefinite"/>
                      </p:stCondLst>
                      <p:childTnLst>
                        <p:par>
                          <p:cTn id="5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3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4" fill="hold" nodeType="clickPar">
                      <p:stCondLst>
                        <p:cond delay="indefinite"/>
                      </p:stCondLst>
                      <p:childTnLst>
                        <p:par>
                          <p:cTn id="5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6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8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9" fill="hold" nodeType="clickPar">
                      <p:stCondLst>
                        <p:cond delay="indefinite"/>
                      </p:stCondLst>
                      <p:childTnLst>
                        <p:par>
                          <p:cTn id="6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1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 nodeType="clickPar">
                      <p:stCondLst>
                        <p:cond delay="indefinite"/>
                      </p:stCondLst>
                      <p:childTnLst>
                        <p:par>
                          <p:cTn id="6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8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9" fill="hold" nodeType="clickPar">
                      <p:stCondLst>
                        <p:cond delay="indefinite"/>
                      </p:stCondLst>
                      <p:childTnLst>
                        <p:par>
                          <p:cTn id="70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1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3" dur="500"/>
                                        <p:tgtEl>
                                          <p:spTgt spid="5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4" fill="hold" nodeType="clickPar">
                      <p:stCondLst>
                        <p:cond delay="indefinite"/>
                      </p:stCondLst>
                      <p:childTnLst>
                        <p:par>
                          <p:cTn id="75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6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8" dur="500"/>
                                        <p:tgtEl>
                                          <p:spTgt spid="5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79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0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2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83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84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5" fill="hold" nodeType="clickPar">
                      <p:stCondLst>
                        <p:cond delay="indefinite"/>
                      </p:stCondLst>
                      <p:childTnLst>
                        <p:par>
                          <p:cTn id="8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7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89" dur="500"/>
                                        <p:tgtEl>
                                          <p:spTgt spid="6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 nodeType="clickPar">
                      <p:stCondLst>
                        <p:cond delay="indefinite"/>
                      </p:stCondLst>
                      <p:childTnLst>
                        <p:par>
                          <p:cTn id="9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4" dur="500"/>
                                        <p:tgtEl>
                                          <p:spTgt spid="7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5" fill="hold" nodeType="clickPar">
                      <p:stCondLst>
                        <p:cond delay="indefinite"/>
                      </p:stCondLst>
                      <p:childTnLst>
                        <p:par>
                          <p:cTn id="9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7" presetID="10" presetClass="entr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9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0" fill="hold" nodeType="clickPar">
                      <p:stCondLst>
                        <p:cond delay="indefinite"/>
                      </p:stCondLst>
                      <p:childTnLst>
                        <p:par>
                          <p:cTn id="10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4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5" fill="hold" nodeType="clickPar">
                      <p:stCondLst>
                        <p:cond delay="indefinite"/>
                      </p:stCondLst>
                      <p:childTnLst>
                        <p:par>
                          <p:cTn id="10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9" dur="500"/>
                                        <p:tgtEl>
                                          <p:spTgt spid="5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0" fill="hold" nodeType="clickPar">
                      <p:stCondLst>
                        <p:cond delay="indefinite"/>
                      </p:stCondLst>
                      <p:childTnLst>
                        <p:par>
                          <p:cTn id="111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2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4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5" fill="hold" nodeType="clickPar">
                      <p:stCondLst>
                        <p:cond delay="indefinite"/>
                      </p:stCondLst>
                      <p:childTnLst>
                        <p:par>
                          <p:cTn id="116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7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9" dur="500"/>
                                        <p:tgtEl>
                                          <p:spTgt spid="5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20" presetID="10" presetClass="exit" presetSubtype="0" fill="hold" grpId="3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1" dur="500"/>
                                        <p:tgtEl>
                                          <p:spTgt spid="3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3" presetID="10" presetClass="exit" presetSubtype="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24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6" fill="hold" nodeType="clickPar">
                      <p:stCondLst>
                        <p:cond delay="indefinite"/>
                      </p:stCondLst>
                      <p:childTnLst>
                        <p:par>
                          <p:cTn id="12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2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0" dur="500"/>
                                        <p:tgtEl>
                                          <p:spTgt spid="7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1" fill="hold" nodeType="clickPar">
                      <p:stCondLst>
                        <p:cond delay="indefinite"/>
                      </p:stCondLst>
                      <p:childTnLst>
                        <p:par>
                          <p:cTn id="13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5" dur="500"/>
                                        <p:tgtEl>
                                          <p:spTgt spid="7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6" fill="hold" nodeType="clickPar">
                      <p:stCondLst>
                        <p:cond delay="indefinite"/>
                      </p:stCondLst>
                      <p:childTnLst>
                        <p:par>
                          <p:cTn id="13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8" presetID="10" presetClass="entr" presetSubtype="0" fill="hold" grpId="2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0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1" fill="hold" nodeType="clickPar">
                      <p:stCondLst>
                        <p:cond delay="indefinite"/>
                      </p:stCondLst>
                      <p:childTnLst>
                        <p:par>
                          <p:cTn id="14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45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6" fill="hold" nodeType="clickPar">
                      <p:stCondLst>
                        <p:cond delay="indefinite"/>
                      </p:stCondLst>
                      <p:childTnLst>
                        <p:par>
                          <p:cTn id="14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4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0" dur="500"/>
                                        <p:tgtEl>
                                          <p:spTgt spid="6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1" fill="hold" nodeType="clickPar">
                      <p:stCondLst>
                        <p:cond delay="indefinite"/>
                      </p:stCondLst>
                      <p:childTnLst>
                        <p:par>
                          <p:cTn id="15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55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6" fill="hold" nodeType="clickPar">
                      <p:stCondLst>
                        <p:cond delay="indefinite"/>
                      </p:stCondLst>
                      <p:childTnLst>
                        <p:par>
                          <p:cTn id="15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0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1" fill="hold" nodeType="clickPar">
                      <p:stCondLst>
                        <p:cond delay="indefinite"/>
                      </p:stCondLst>
                      <p:childTnLst>
                        <p:par>
                          <p:cTn id="16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6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5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6" fill="hold" nodeType="clickPar">
                      <p:stCondLst>
                        <p:cond delay="indefinite"/>
                      </p:stCondLst>
                      <p:childTnLst>
                        <p:par>
                          <p:cTn id="167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68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0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1" fill="hold" nodeType="clickPar">
                      <p:stCondLst>
                        <p:cond delay="indefinite"/>
                      </p:stCondLst>
                      <p:childTnLst>
                        <p:par>
                          <p:cTn id="172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73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5" dur="500"/>
                                        <p:tgtEl>
                                          <p:spTgt spid="7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animBg="1"/>
      <p:bldP spid="2" grpId="1" animBg="1"/>
      <p:bldP spid="28" grpId="0" animBg="1"/>
      <p:bldP spid="28" grpId="1" animBg="1"/>
      <p:bldP spid="28" grpId="2" animBg="1"/>
      <p:bldP spid="29" grpId="0" animBg="1"/>
      <p:bldP spid="30" grpId="0" animBg="1"/>
      <p:bldP spid="31" grpId="0" animBg="1"/>
      <p:bldP spid="35" grpId="0" animBg="1"/>
      <p:bldP spid="36" grpId="0" animBg="1"/>
      <p:bldP spid="36" grpId="1" animBg="1"/>
      <p:bldP spid="37" grpId="0" animBg="1"/>
      <p:bldP spid="37" grpId="1" animBg="1"/>
      <p:bldP spid="37" grpId="2" animBg="1"/>
      <p:bldP spid="37" grpId="3" animBg="1"/>
      <p:bldP spid="61" grpId="0" animBg="1"/>
      <p:bldP spid="61" grpId="1" animBg="1"/>
      <p:bldP spid="65" grpId="0" animBg="1"/>
      <p:bldP spid="68" grpId="0" animBg="1"/>
      <p:bldP spid="69" grpId="0" animBg="1"/>
      <p:bldP spid="70" grpId="0" animBg="1"/>
      <p:bldP spid="71" grpId="0" animBg="1"/>
      <p:bldP spid="72" grpId="0" animBg="1"/>
      <p:bldP spid="6" grpId="0"/>
      <p:bldP spid="74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0" name="Rectangle 49"/>
          <p:cNvSpPr/>
          <p:nvPr/>
        </p:nvSpPr>
        <p:spPr>
          <a:xfrm>
            <a:off x="93663" y="122238"/>
            <a:ext cx="9005887" cy="44450"/>
          </a:xfrm>
          <a:prstGeom prst="rect">
            <a:avLst/>
          </a:prstGeom>
          <a:solidFill>
            <a:srgbClr val="21A8B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defTabSz="914363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37" name="Heading"/>
          <p:cNvSpPr/>
          <p:nvPr/>
        </p:nvSpPr>
        <p:spPr bwMode="auto">
          <a:xfrm>
            <a:off x="0" y="0"/>
            <a:ext cx="3749675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Skill Development/Guided Practice 2 (continued)</a:t>
            </a:r>
          </a:p>
        </p:txBody>
      </p:sp>
      <p:grpSp>
        <p:nvGrpSpPr>
          <p:cNvPr id="9220" name="Group 63"/>
          <p:cNvGrpSpPr>
            <a:grpSpLocks/>
          </p:cNvGrpSpPr>
          <p:nvPr/>
        </p:nvGrpSpPr>
        <p:grpSpPr bwMode="auto">
          <a:xfrm>
            <a:off x="4281488" y="228600"/>
            <a:ext cx="2476500" cy="1889125"/>
            <a:chOff x="6742114" y="947738"/>
            <a:chExt cx="2475202" cy="1891159"/>
          </a:xfrm>
        </p:grpSpPr>
        <p:sp>
          <p:nvSpPr>
            <p:cNvPr id="44" name="Rectangle 43"/>
            <p:cNvSpPr/>
            <p:nvPr/>
          </p:nvSpPr>
          <p:spPr bwMode="auto">
            <a:xfrm>
              <a:off x="6742114" y="947738"/>
              <a:ext cx="2468855" cy="1891159"/>
            </a:xfrm>
            <a:prstGeom prst="rect">
              <a:avLst/>
            </a:prstGeom>
            <a:gradFill flip="none" rotWithShape="1">
              <a:gsLst>
                <a:gs pos="0">
                  <a:srgbClr val="C0ECFC"/>
                </a:gs>
                <a:gs pos="32000">
                  <a:srgbClr val="F7FDFF"/>
                </a:gs>
                <a:gs pos="100000">
                  <a:srgbClr val="FFFFFF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274320" tIns="301752" rIns="45720">
              <a:spAutoFit/>
            </a:bodyPr>
            <a:lstStyle/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How did I/you determine what the question is asking?</a:t>
              </a:r>
            </a:p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How did I/you determine the math concept required?</a:t>
              </a:r>
            </a:p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How did I/you determine the relevant information?</a:t>
              </a:r>
            </a:p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How did I/you solve and interpret the problem?</a:t>
              </a:r>
            </a:p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How did I/you check the reasonableness of the answer?</a:t>
              </a:r>
            </a:p>
          </p:txBody>
        </p:sp>
        <p:sp>
          <p:nvSpPr>
            <p:cNvPr id="46" name="Rectangle 45"/>
            <p:cNvSpPr/>
            <p:nvPr/>
          </p:nvSpPr>
          <p:spPr bwMode="auto">
            <a:xfrm>
              <a:off x="6748461" y="947738"/>
              <a:ext cx="2468855" cy="232025"/>
            </a:xfrm>
            <a:prstGeom prst="rect">
              <a:avLst/>
            </a:prstGeom>
            <a:solidFill>
              <a:srgbClr val="08749A"/>
            </a:solidFill>
            <a:ln w="3175">
              <a:solidFill>
                <a:schemeClr val="accent1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1000" b="1" dirty="0">
                  <a:solidFill>
                    <a:prstClr val="white"/>
                  </a:solidFill>
                  <a:latin typeface="Gill Sans MT" pitchFamily="34" charset="0"/>
                  <a:cs typeface="Arial" charset="0"/>
                </a:rPr>
                <a:t>CFU</a:t>
              </a:r>
            </a:p>
          </p:txBody>
        </p:sp>
        <p:sp>
          <p:nvSpPr>
            <p:cNvPr id="47" name="Oval 46"/>
            <p:cNvSpPr/>
            <p:nvPr/>
          </p:nvSpPr>
          <p:spPr bwMode="auto">
            <a:xfrm>
              <a:off x="6797647" y="1550049"/>
              <a:ext cx="172947" cy="173223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2</a:t>
              </a:r>
            </a:p>
          </p:txBody>
        </p:sp>
        <p:sp>
          <p:nvSpPr>
            <p:cNvPr id="56" name="Oval 55"/>
            <p:cNvSpPr/>
            <p:nvPr/>
          </p:nvSpPr>
          <p:spPr bwMode="auto">
            <a:xfrm>
              <a:off x="6797647" y="1248099"/>
              <a:ext cx="174533" cy="174813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wrap="none"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1</a:t>
              </a:r>
            </a:p>
          </p:txBody>
        </p:sp>
        <p:sp>
          <p:nvSpPr>
            <p:cNvPr id="57" name="Oval 56"/>
            <p:cNvSpPr/>
            <p:nvPr/>
          </p:nvSpPr>
          <p:spPr bwMode="auto">
            <a:xfrm>
              <a:off x="6797647" y="1863123"/>
              <a:ext cx="172947" cy="174813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3</a:t>
              </a:r>
            </a:p>
          </p:txBody>
        </p:sp>
        <p:sp>
          <p:nvSpPr>
            <p:cNvPr id="58" name="Oval 57"/>
            <p:cNvSpPr/>
            <p:nvPr/>
          </p:nvSpPr>
          <p:spPr bwMode="auto">
            <a:xfrm>
              <a:off x="6797647" y="2153948"/>
              <a:ext cx="172947" cy="173223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4</a:t>
              </a:r>
            </a:p>
          </p:txBody>
        </p:sp>
        <p:sp>
          <p:nvSpPr>
            <p:cNvPr id="59" name="Oval 58"/>
            <p:cNvSpPr/>
            <p:nvPr/>
          </p:nvSpPr>
          <p:spPr bwMode="auto">
            <a:xfrm>
              <a:off x="6797647" y="2468612"/>
              <a:ext cx="172947" cy="174813"/>
            </a:xfrm>
            <a:prstGeom prst="ellipse">
              <a:avLst/>
            </a:prstGeom>
            <a:solidFill>
              <a:srgbClr val="065978"/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lIns="0" tIns="0" rIns="0" bIns="0" anchor="ctr"/>
            <a:lstStyle/>
            <a:p>
              <a:pPr algn="ctr" defTabSz="914363" fontAlgn="auto">
                <a:spcBef>
                  <a:spcPts val="0"/>
                </a:spcBef>
                <a:spcAft>
                  <a:spcPts val="0"/>
                </a:spcAft>
                <a:defRPr/>
              </a:pPr>
              <a:r>
                <a:rPr lang="en-US" sz="1200" b="1" dirty="0">
                  <a:latin typeface="Gill Sans MT" pitchFamily="34" charset="0"/>
                </a:rPr>
                <a:t>5</a:t>
              </a:r>
            </a:p>
          </p:txBody>
        </p:sp>
      </p:grpSp>
      <p:pic>
        <p:nvPicPr>
          <p:cNvPr id="9221" name="Picture 57"/>
          <p:cNvPicPr>
            <a:picLocks noChangeAspect="1" noChangeArrowheads="1"/>
          </p:cNvPicPr>
          <p:nvPr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b="1389"/>
          <a:stretch>
            <a:fillRect/>
          </a:stretch>
        </p:blipFill>
        <p:spPr bwMode="auto">
          <a:xfrm>
            <a:off x="0" y="271463"/>
            <a:ext cx="4279900" cy="18034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26" name="TextBox 25" hidden="1"/>
          <p:cNvSpPr txBox="1"/>
          <p:nvPr/>
        </p:nvSpPr>
        <p:spPr>
          <a:xfrm>
            <a:off x="-4587875" y="3916363"/>
            <a:ext cx="4479925" cy="2108269"/>
          </a:xfrm>
          <a:prstGeom prst="rect">
            <a:avLst/>
          </a:prstGeom>
          <a:gradFill flip="none" rotWithShape="1">
            <a:gsLst>
              <a:gs pos="0">
                <a:schemeClr val="bg1"/>
              </a:gs>
              <a:gs pos="50000">
                <a:srgbClr val="FFFFFF"/>
              </a:gs>
              <a:gs pos="100000">
                <a:schemeClr val="bg1">
                  <a:lumMod val="95000"/>
                </a:schemeClr>
              </a:gs>
            </a:gsLst>
            <a:lin ang="2700000" scaled="1"/>
            <a:tileRect/>
          </a:gradFill>
          <a:ln>
            <a:solidFill>
              <a:schemeClr val="tx1">
                <a:lumMod val="65000"/>
                <a:lumOff val="3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txBody>
          <a:bodyPr>
            <a:spAutoFit/>
          </a:bodyPr>
          <a:lstStyle/>
          <a:p>
            <a:pPr marL="290513" indent="-290513" algn="ctr" defTabSz="457200">
              <a:spcBef>
                <a:spcPts val="600"/>
              </a:spcBef>
              <a:defRPr/>
            </a:pPr>
            <a:r>
              <a:rPr lang="en-US" b="1" u="sng" spc="-90" dirty="0">
                <a:latin typeface="Century Gothic" panose="020B0502020202020204" pitchFamily="34" charset="0"/>
                <a:cs typeface="Arial" charset="0"/>
              </a:rPr>
              <a:t>Solving Math Problems</a:t>
            </a:r>
          </a:p>
          <a:p>
            <a:pPr marL="290513" indent="-290513" defTabSz="457200">
              <a:spcBef>
                <a:spcPts val="600"/>
              </a:spcBef>
              <a:defRPr/>
            </a:pPr>
            <a:r>
              <a:rPr lang="en-US" b="1" spc="-90" dirty="0">
                <a:solidFill>
                  <a:schemeClr val="accent6">
                    <a:lumMod val="75000"/>
                  </a:schemeClr>
                </a:solidFill>
                <a:latin typeface="Century Gothic" panose="020B0502020202020204" pitchFamily="34" charset="0"/>
                <a:cs typeface="Arial" charset="0"/>
              </a:rPr>
              <a:t>1 	What am I trying to find?</a:t>
            </a:r>
          </a:p>
          <a:p>
            <a:pPr marL="290513" indent="-290513" defTabSz="457200">
              <a:spcBef>
                <a:spcPts val="0"/>
              </a:spcBef>
              <a:defRPr/>
            </a:pPr>
            <a:r>
              <a:rPr lang="en-US" b="1" spc="-90" dirty="0">
                <a:solidFill>
                  <a:schemeClr val="accent5">
                    <a:lumMod val="50000"/>
                  </a:schemeClr>
                </a:solidFill>
                <a:latin typeface="Century Gothic" panose="020B0502020202020204" pitchFamily="34" charset="0"/>
                <a:cs typeface="Arial" charset="0"/>
              </a:rPr>
              <a:t>2	What do I know about this idea?</a:t>
            </a:r>
          </a:p>
          <a:p>
            <a:pPr marL="290513" indent="-290513" defTabSz="457200">
              <a:spcBef>
                <a:spcPts val="0"/>
              </a:spcBef>
              <a:defRPr/>
            </a:pPr>
            <a:r>
              <a:rPr lang="en-US" b="1" spc="-90" dirty="0">
                <a:solidFill>
                  <a:schemeClr val="accent4">
                    <a:lumMod val="50000"/>
                  </a:schemeClr>
                </a:solidFill>
                <a:latin typeface="Century Gothic" panose="020B0502020202020204" pitchFamily="34" charset="0"/>
                <a:cs typeface="Arial" charset="0"/>
              </a:rPr>
              <a:t>3	What amounts do I know?</a:t>
            </a:r>
          </a:p>
          <a:p>
            <a:pPr marL="290513" indent="-290513" defTabSz="457200">
              <a:spcBef>
                <a:spcPts val="0"/>
              </a:spcBef>
              <a:defRPr/>
            </a:pPr>
            <a:r>
              <a:rPr lang="en-US" b="1" spc="-90" dirty="0">
                <a:solidFill>
                  <a:schemeClr val="accent2"/>
                </a:solidFill>
                <a:latin typeface="Century Gothic" panose="020B0502020202020204" pitchFamily="34" charset="0"/>
                <a:cs typeface="Arial" charset="0"/>
              </a:rPr>
              <a:t>4	Solve the problem or answer the question. </a:t>
            </a:r>
          </a:p>
          <a:p>
            <a:pPr marL="290513" indent="-290513" defTabSz="457200">
              <a:spcBef>
                <a:spcPts val="0"/>
              </a:spcBef>
              <a:defRPr/>
            </a:pPr>
            <a:r>
              <a:rPr lang="en-US" b="1" spc="-90" dirty="0">
                <a:solidFill>
                  <a:srgbClr val="7030A0"/>
                </a:solidFill>
                <a:latin typeface="Century Gothic" panose="020B0502020202020204" pitchFamily="34" charset="0"/>
                <a:cs typeface="Arial" charset="0"/>
              </a:rPr>
              <a:t>5	Did I answer all parts of the question?</a:t>
            </a:r>
          </a:p>
        </p:txBody>
      </p:sp>
      <p:sp>
        <p:nvSpPr>
          <p:cNvPr id="27" name="TextBox 26" hidden="1"/>
          <p:cNvSpPr txBox="1"/>
          <p:nvPr/>
        </p:nvSpPr>
        <p:spPr>
          <a:xfrm>
            <a:off x="-4846638" y="407988"/>
            <a:ext cx="4754563" cy="2108269"/>
          </a:xfrm>
          <a:prstGeom prst="rect">
            <a:avLst/>
          </a:prstGeom>
          <a:gradFill flip="none" rotWithShape="1">
            <a:gsLst>
              <a:gs pos="0">
                <a:schemeClr val="bg1"/>
              </a:gs>
              <a:gs pos="50000">
                <a:srgbClr val="FFFFFF"/>
              </a:gs>
              <a:gs pos="100000">
                <a:schemeClr val="bg1">
                  <a:lumMod val="95000"/>
                </a:schemeClr>
              </a:gs>
            </a:gsLst>
            <a:lin ang="2700000" scaled="1"/>
            <a:tileRect/>
          </a:gradFill>
          <a:ln>
            <a:solidFill>
              <a:schemeClr val="tx1">
                <a:lumMod val="65000"/>
                <a:lumOff val="35000"/>
              </a:schemeClr>
            </a:solidFill>
          </a:ln>
          <a:effectLst>
            <a:outerShdw blurRad="50800" dist="38100" dir="2700000" algn="tl" rotWithShape="0">
              <a:prstClr val="black">
                <a:alpha val="40000"/>
              </a:prstClr>
            </a:outerShdw>
          </a:effectLst>
        </p:spPr>
        <p:txBody>
          <a:bodyPr>
            <a:spAutoFit/>
          </a:bodyPr>
          <a:lstStyle/>
          <a:p>
            <a:pPr marL="290513" indent="-290513" algn="ctr" defTabSz="457200">
              <a:spcBef>
                <a:spcPts val="600"/>
              </a:spcBef>
              <a:defRPr/>
            </a:pPr>
            <a:r>
              <a:rPr lang="en-US" b="1" u="sng" spc="-90" dirty="0">
                <a:latin typeface="Century Gothic" panose="020B0502020202020204" pitchFamily="34" charset="0"/>
                <a:cs typeface="Arial" charset="0"/>
              </a:rPr>
              <a:t>Solving Math Problems</a:t>
            </a:r>
          </a:p>
          <a:p>
            <a:pPr marL="290513" indent="-290513" defTabSz="457200">
              <a:spcBef>
                <a:spcPts val="600"/>
              </a:spcBef>
              <a:defRPr/>
            </a:pPr>
            <a:r>
              <a:rPr lang="en-US" b="1" spc="-90" dirty="0">
                <a:solidFill>
                  <a:schemeClr val="accent6">
                    <a:lumMod val="75000"/>
                  </a:schemeClr>
                </a:solidFill>
                <a:latin typeface="Century Gothic" panose="020B0502020202020204" pitchFamily="34" charset="0"/>
                <a:cs typeface="Arial" charset="0"/>
              </a:rPr>
              <a:t>1 	Determine what the question is asking.</a:t>
            </a:r>
          </a:p>
          <a:p>
            <a:pPr marL="290513" indent="-290513" defTabSz="457200">
              <a:spcBef>
                <a:spcPts val="0"/>
              </a:spcBef>
              <a:defRPr/>
            </a:pPr>
            <a:r>
              <a:rPr lang="en-US" b="1" spc="-90" dirty="0">
                <a:solidFill>
                  <a:schemeClr val="accent5">
                    <a:lumMod val="50000"/>
                  </a:schemeClr>
                </a:solidFill>
                <a:latin typeface="Century Gothic" panose="020B0502020202020204" pitchFamily="34" charset="0"/>
                <a:cs typeface="Arial" charset="0"/>
              </a:rPr>
              <a:t>2	Determine the math concept required.</a:t>
            </a:r>
          </a:p>
          <a:p>
            <a:pPr marL="290513" indent="-290513" defTabSz="457200">
              <a:spcBef>
                <a:spcPts val="0"/>
              </a:spcBef>
              <a:defRPr/>
            </a:pPr>
            <a:r>
              <a:rPr lang="en-US" b="1" spc="-90" dirty="0">
                <a:solidFill>
                  <a:schemeClr val="accent4">
                    <a:lumMod val="50000"/>
                  </a:schemeClr>
                </a:solidFill>
                <a:latin typeface="Century Gothic" panose="020B0502020202020204" pitchFamily="34" charset="0"/>
                <a:cs typeface="Arial" charset="0"/>
              </a:rPr>
              <a:t>3	Determine relevant information.</a:t>
            </a:r>
          </a:p>
          <a:p>
            <a:pPr marL="290513" indent="-290513" defTabSz="457200">
              <a:spcBef>
                <a:spcPts val="0"/>
              </a:spcBef>
              <a:defRPr/>
            </a:pPr>
            <a:r>
              <a:rPr lang="en-US" b="1" spc="-90" dirty="0">
                <a:solidFill>
                  <a:schemeClr val="accent2"/>
                </a:solidFill>
                <a:latin typeface="Century Gothic" panose="020B0502020202020204" pitchFamily="34" charset="0"/>
                <a:cs typeface="Arial" charset="0"/>
              </a:rPr>
              <a:t>4	Solve the problem, then interpret the answer.</a:t>
            </a:r>
          </a:p>
          <a:p>
            <a:pPr marL="290513" indent="-290513" defTabSz="457200">
              <a:spcBef>
                <a:spcPts val="0"/>
              </a:spcBef>
              <a:defRPr/>
            </a:pPr>
            <a:r>
              <a:rPr lang="en-US" b="1" spc="-90" dirty="0">
                <a:solidFill>
                  <a:srgbClr val="7030A0"/>
                </a:solidFill>
                <a:latin typeface="Century Gothic" panose="020B0502020202020204" pitchFamily="34" charset="0"/>
                <a:cs typeface="Arial" charset="0"/>
              </a:rPr>
              <a:t>5	Check the reasonableness of your answer.</a:t>
            </a:r>
          </a:p>
        </p:txBody>
      </p:sp>
      <p:graphicFrame>
        <p:nvGraphicFramePr>
          <p:cNvPr id="2" name="Table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094060724"/>
              </p:ext>
            </p:extLst>
          </p:nvPr>
        </p:nvGraphicFramePr>
        <p:xfrm>
          <a:off x="92075" y="2165350"/>
          <a:ext cx="6672263" cy="4281488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6672263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</a:tblGrid>
              <a:tr h="2140744"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9. 	</a:t>
                      </a:r>
                    </a:p>
                  </a:txBody>
                  <a:tcPr marT="45724" marB="45724">
                    <a:lnL w="12700" cmpd="sng">
                      <a:noFill/>
                    </a:lnL>
                    <a:lnR w="12700" cmpd="sng">
                      <a:noFill/>
                    </a:lnR>
                    <a:lnT w="12700" cmpd="sng">
                      <a:noFill/>
                    </a:lnT>
                    <a:lnB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2140744">
                <a:tc>
                  <a:txBody>
                    <a:bodyPr/>
                    <a:lstStyle/>
                    <a:p>
                      <a:pPr marL="174625" indent="-174625"/>
                      <a:r>
                        <a:rPr lang="en-US" sz="1400" b="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Arial" panose="020B0604020202020204" pitchFamily="34" charset="0"/>
                        </a:rPr>
                        <a:t>10. 	</a:t>
                      </a:r>
                    </a:p>
                  </a:txBody>
                  <a:tcPr marT="45724" marB="45724">
                    <a:lnL w="12700" cmpd="sng">
                      <a:noFill/>
                    </a:lnL>
                    <a:lnR w="12700" cmpd="sng">
                      <a:noFill/>
                    </a:lnR>
                    <a:lnT w="635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mpd="sng">
                      <a:noFill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</a:tbl>
          </a:graphicData>
        </a:graphic>
      </p:graphicFrame>
      <p:graphicFrame>
        <p:nvGraphicFramePr>
          <p:cNvPr id="18" name="Table 17"/>
          <p:cNvGraphicFramePr>
            <a:graphicFrameLocks noGrp="1"/>
          </p:cNvGraphicFramePr>
          <p:nvPr/>
        </p:nvGraphicFramePr>
        <p:xfrm>
          <a:off x="2925763" y="2832100"/>
          <a:ext cx="3932237" cy="1146176"/>
        </p:xfrm>
        <a:graphic>
          <a:graphicData uri="http://schemas.openxmlformats.org/drawingml/2006/table">
            <a:tbl>
              <a:tblPr firstRow="1" firstCol="1" bandRow="1"/>
              <a:tblGrid>
                <a:gridCol w="839877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236082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236082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620196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</a:tblGrid>
              <a:tr h="286544">
                <a:tc>
                  <a:txBody>
                    <a:bodyPr/>
                    <a:lstStyle/>
                    <a:p>
                      <a:pPr marL="0" marR="0" algn="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Underclassmen</a:t>
                      </a: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Upperclassmen</a:t>
                      </a: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Sport</a:t>
                      </a: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No Sport</a:t>
                      </a: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b="1" dirty="0">
                        <a:solidFill>
                          <a:schemeClr val="accent3">
                            <a:lumMod val="50000"/>
                          </a:schemeClr>
                        </a:solidFill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88" marR="36588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</a:tbl>
          </a:graphicData>
        </a:graphic>
      </p:graphicFrame>
      <p:sp>
        <p:nvSpPr>
          <p:cNvPr id="9255" name="Rectangle 18"/>
          <p:cNvSpPr>
            <a:spLocks noChangeArrowheads="1"/>
          </p:cNvSpPr>
          <p:nvPr/>
        </p:nvSpPr>
        <p:spPr bwMode="auto">
          <a:xfrm>
            <a:off x="1127125" y="2165350"/>
            <a:ext cx="4602163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/>
            <a:r>
              <a:rPr lang="en-US" altLang="en-US" sz="1400" i="1">
                <a:latin typeface="Gill Sans MT" panose="020B0502020104020203" pitchFamily="34" charset="0"/>
              </a:rPr>
              <a:t>A teacher takes a sample of 40 high school underclassmen and upperclassman to determine how many students play a sport.</a:t>
            </a:r>
            <a:endParaRPr lang="en-US" altLang="en-US" sz="1400">
              <a:latin typeface="Gill Sans MT" panose="020B0502020104020203" pitchFamily="34" charset="0"/>
            </a:endParaRPr>
          </a:p>
        </p:txBody>
      </p:sp>
      <p:sp>
        <p:nvSpPr>
          <p:cNvPr id="9256" name="Rectangle 20"/>
          <p:cNvSpPr>
            <a:spLocks noChangeArrowheads="1"/>
          </p:cNvSpPr>
          <p:nvPr/>
        </p:nvSpPr>
        <p:spPr bwMode="auto">
          <a:xfrm>
            <a:off x="974725" y="4308475"/>
            <a:ext cx="4905375" cy="523875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algn="ctr"/>
            <a:r>
              <a:rPr lang="en-US" altLang="en-US" sz="1400" i="1">
                <a:latin typeface="Gill Sans MT" panose="020B0502020104020203" pitchFamily="34" charset="0"/>
              </a:rPr>
              <a:t>A teacher takes a sample of 30 high school underclassmen and upperclassman to determine how many students play an instrument.</a:t>
            </a:r>
            <a:endParaRPr lang="en-US" altLang="en-US" sz="1400">
              <a:latin typeface="Gill Sans MT" panose="020B0502020104020203" pitchFamily="34" charset="0"/>
            </a:endParaRPr>
          </a:p>
        </p:txBody>
      </p:sp>
      <p:sp>
        <p:nvSpPr>
          <p:cNvPr id="9257" name="Rectangle 21"/>
          <p:cNvSpPr>
            <a:spLocks noChangeArrowheads="1"/>
          </p:cNvSpPr>
          <p:nvPr/>
        </p:nvSpPr>
        <p:spPr bwMode="auto">
          <a:xfrm>
            <a:off x="274638" y="2697163"/>
            <a:ext cx="2468562" cy="138588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r>
              <a:rPr lang="en-US" altLang="en-US" sz="1400">
                <a:latin typeface="Arial Narrow" panose="020B0606020202030204" pitchFamily="34" charset="0"/>
              </a:rPr>
              <a:t>The probability of a randomly selected student from the sample playing a sport, given that student is an upperclassmen is     . </a:t>
            </a:r>
          </a:p>
          <a:p>
            <a:r>
              <a:rPr lang="en-US" altLang="en-US" sz="1400">
                <a:latin typeface="Arial Narrow" panose="020B0606020202030204" pitchFamily="34" charset="0"/>
              </a:rPr>
              <a:t>Fill in the two-way table to </a:t>
            </a:r>
          </a:p>
          <a:p>
            <a:r>
              <a:rPr lang="en-US" altLang="en-US" sz="1400">
                <a:latin typeface="Arial Narrow" panose="020B0606020202030204" pitchFamily="34" charset="0"/>
              </a:rPr>
              <a:t>show how this is possible.</a:t>
            </a:r>
          </a:p>
        </p:txBody>
      </p:sp>
      <p:graphicFrame>
        <p:nvGraphicFramePr>
          <p:cNvPr id="23" name="Table 22"/>
          <p:cNvGraphicFramePr>
            <a:graphicFrameLocks noGrp="1"/>
          </p:cNvGraphicFramePr>
          <p:nvPr/>
        </p:nvGraphicFramePr>
        <p:xfrm>
          <a:off x="2835275" y="5060950"/>
          <a:ext cx="4205287" cy="1146176"/>
        </p:xfrm>
        <a:graphic>
          <a:graphicData uri="http://schemas.openxmlformats.org/drawingml/2006/table">
            <a:tbl>
              <a:tblPr firstRow="1" firstCol="1" bandRow="1"/>
              <a:tblGrid>
                <a:gridCol w="1188450">
                  <a:extLst>
                    <a:ext uri="{9D8B030D-6E8A-4147-A177-3AD203B41FA5}">
                      <a16:colId xmlns:a16="http://schemas.microsoft.com/office/drawing/2014/main" val="20000"/>
                    </a:ext>
                  </a:extLst>
                </a:gridCol>
                <a:gridCol w="1183137">
                  <a:extLst>
                    <a:ext uri="{9D8B030D-6E8A-4147-A177-3AD203B41FA5}">
                      <a16:colId xmlns:a16="http://schemas.microsoft.com/office/drawing/2014/main" val="20001"/>
                    </a:ext>
                  </a:extLst>
                </a:gridCol>
                <a:gridCol w="1183137">
                  <a:extLst>
                    <a:ext uri="{9D8B030D-6E8A-4147-A177-3AD203B41FA5}">
                      <a16:colId xmlns:a16="http://schemas.microsoft.com/office/drawing/2014/main" val="20002"/>
                    </a:ext>
                  </a:extLst>
                </a:gridCol>
                <a:gridCol w="650563">
                  <a:extLst>
                    <a:ext uri="{9D8B030D-6E8A-4147-A177-3AD203B41FA5}">
                      <a16:colId xmlns:a16="http://schemas.microsoft.com/office/drawing/2014/main" val="20003"/>
                    </a:ext>
                  </a:extLst>
                </a:gridCol>
              </a:tblGrid>
              <a:tr h="286544">
                <a:tc>
                  <a:txBody>
                    <a:bodyPr/>
                    <a:lstStyle/>
                    <a:p>
                      <a:pPr marL="0" marR="0" algn="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noFill/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lnTlToBr w="12700" cmpd="sng">
                      <a:noFill/>
                      <a:prstDash val="solid"/>
                    </a:lnTlToBr>
                    <a:lnBlToTr w="12700" cmpd="sng">
                      <a:noFill/>
                      <a:prstDash val="solid"/>
                    </a:lnBlToTr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Underclassmen</a:t>
                      </a: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Upperclassmen</a:t>
                      </a: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5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0000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Instrument</a:t>
                      </a: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1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No Instrument</a:t>
                      </a: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6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2"/>
                  </a:ext>
                </a:extLst>
              </a:tr>
              <a:tr h="286544"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r>
                        <a:rPr lang="en-US" sz="1400" dirty="0">
                          <a:effectLst/>
                          <a:latin typeface="Gill Sans MT" pitchFamily="34" charset="0"/>
                          <a:ea typeface="Times New Roman"/>
                        </a:rPr>
                        <a:t>Total</a:t>
                      </a: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chemeClr val="accent3">
                        <a:lumMod val="40000"/>
                        <a:lumOff val="60000"/>
                      </a:schemeClr>
                    </a:solidFill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dirty="0"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tc>
                  <a:txBody>
                    <a:bodyPr/>
                    <a:lstStyle/>
                    <a:p>
                      <a:pPr marL="0" marR="0" algn="ctr">
                        <a:spcBef>
                          <a:spcPts val="0"/>
                        </a:spcBef>
                        <a:spcAft>
                          <a:spcPts val="0"/>
                        </a:spcAft>
                      </a:pPr>
                      <a:endParaRPr lang="en-US" sz="1400" b="1" dirty="0">
                        <a:solidFill>
                          <a:schemeClr val="accent3">
                            <a:lumMod val="50000"/>
                          </a:schemeClr>
                        </a:solidFill>
                        <a:effectLst/>
                        <a:latin typeface="Gill Sans MT" pitchFamily="34" charset="0"/>
                        <a:ea typeface="Times New Roman"/>
                      </a:endParaRPr>
                    </a:p>
                  </a:txBody>
                  <a:tcPr marL="36577" marR="36577" marT="36579" marB="36579" anchor="ctr">
                    <a:lnL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tx1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noFill/>
                  </a:tcPr>
                </a:tc>
                <a:extLst>
                  <a:ext uri="{0D108BD9-81ED-4DB2-BD59-A6C34878D82A}">
                    <a16:rowId xmlns:a16="http://schemas.microsoft.com/office/drawing/2014/main" val="10003"/>
                  </a:ext>
                </a:extLst>
              </a:tr>
            </a:tbl>
          </a:graphicData>
        </a:graphic>
      </p:graphicFrame>
      <p:sp>
        <p:nvSpPr>
          <p:cNvPr id="28" name="Rectangle 27"/>
          <p:cNvSpPr/>
          <p:nvPr/>
        </p:nvSpPr>
        <p:spPr>
          <a:xfrm>
            <a:off x="1828800" y="3328988"/>
            <a:ext cx="306388" cy="34925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  <a:defRPr/>
            </a:pPr>
            <a:r>
              <a:rPr lang="en-US" sz="1050" b="1" u="sng" dirty="0">
                <a:solidFill>
                  <a:prstClr val="black"/>
                </a:solidFill>
                <a:latin typeface="Arial Narrow" panose="020B0606020202030204" pitchFamily="34" charset="0"/>
              </a:rPr>
              <a:t>12</a:t>
            </a:r>
          </a:p>
          <a:p>
            <a:pPr algn="ctr">
              <a:lnSpc>
                <a:spcPts val="1000"/>
              </a:lnSpc>
              <a:defRPr/>
            </a:pPr>
            <a:r>
              <a:rPr lang="en-US" sz="1050" b="1" dirty="0">
                <a:solidFill>
                  <a:prstClr val="black"/>
                </a:solidFill>
                <a:latin typeface="Arial Narrow" panose="020B0606020202030204" pitchFamily="34" charset="0"/>
              </a:rPr>
              <a:t>25</a:t>
            </a:r>
            <a:endParaRPr lang="en-US" sz="1200" b="1" dirty="0">
              <a:latin typeface="Arial Narrow" panose="020B0606020202030204" pitchFamily="34" charset="0"/>
            </a:endParaRPr>
          </a:p>
        </p:txBody>
      </p:sp>
      <p:sp>
        <p:nvSpPr>
          <p:cNvPr id="29" name="Rectangle 28"/>
          <p:cNvSpPr>
            <a:spLocks noChangeArrowheads="1"/>
          </p:cNvSpPr>
          <p:nvPr/>
        </p:nvSpPr>
        <p:spPr bwMode="auto">
          <a:xfrm>
            <a:off x="3908425" y="3208338"/>
            <a:ext cx="1076325" cy="2206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8 </a:t>
            </a:r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</a:rPr>
              <a:t>(may vary)</a:t>
            </a:r>
          </a:p>
        </p:txBody>
      </p:sp>
      <p:sp>
        <p:nvSpPr>
          <p:cNvPr id="30" name="Rectangle 29"/>
          <p:cNvSpPr>
            <a:spLocks noChangeArrowheads="1"/>
          </p:cNvSpPr>
          <p:nvPr/>
        </p:nvSpPr>
        <p:spPr bwMode="auto">
          <a:xfrm>
            <a:off x="5386388" y="3208338"/>
            <a:ext cx="441325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12</a:t>
            </a:r>
          </a:p>
        </p:txBody>
      </p:sp>
      <p:sp>
        <p:nvSpPr>
          <p:cNvPr id="31" name="Rectangle 30"/>
          <p:cNvSpPr>
            <a:spLocks noChangeArrowheads="1"/>
          </p:cNvSpPr>
          <p:nvPr/>
        </p:nvSpPr>
        <p:spPr bwMode="auto">
          <a:xfrm>
            <a:off x="6338888" y="3208338"/>
            <a:ext cx="439737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20</a:t>
            </a:r>
          </a:p>
        </p:txBody>
      </p:sp>
      <p:sp>
        <p:nvSpPr>
          <p:cNvPr id="33" name="Rectangle 32"/>
          <p:cNvSpPr>
            <a:spLocks noChangeArrowheads="1"/>
          </p:cNvSpPr>
          <p:nvPr/>
        </p:nvSpPr>
        <p:spPr bwMode="auto">
          <a:xfrm>
            <a:off x="5391150" y="3479800"/>
            <a:ext cx="441325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13</a:t>
            </a:r>
          </a:p>
        </p:txBody>
      </p:sp>
      <p:sp>
        <p:nvSpPr>
          <p:cNvPr id="34" name="Rectangle 33"/>
          <p:cNvSpPr>
            <a:spLocks noChangeArrowheads="1"/>
          </p:cNvSpPr>
          <p:nvPr/>
        </p:nvSpPr>
        <p:spPr bwMode="auto">
          <a:xfrm>
            <a:off x="6342063" y="3500438"/>
            <a:ext cx="441325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20</a:t>
            </a:r>
          </a:p>
        </p:txBody>
      </p:sp>
      <p:sp>
        <p:nvSpPr>
          <p:cNvPr id="35" name="Rectangle 34"/>
          <p:cNvSpPr>
            <a:spLocks noChangeArrowheads="1"/>
          </p:cNvSpPr>
          <p:nvPr/>
        </p:nvSpPr>
        <p:spPr bwMode="auto">
          <a:xfrm>
            <a:off x="4230688" y="3776663"/>
            <a:ext cx="441325" cy="2397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15</a:t>
            </a:r>
          </a:p>
        </p:txBody>
      </p:sp>
      <p:sp>
        <p:nvSpPr>
          <p:cNvPr id="36" name="Rectangle 35"/>
          <p:cNvSpPr>
            <a:spLocks noChangeArrowheads="1"/>
          </p:cNvSpPr>
          <p:nvPr/>
        </p:nvSpPr>
        <p:spPr bwMode="auto">
          <a:xfrm>
            <a:off x="5391150" y="3776663"/>
            <a:ext cx="441325" cy="2397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25</a:t>
            </a:r>
          </a:p>
        </p:txBody>
      </p:sp>
      <p:sp>
        <p:nvSpPr>
          <p:cNvPr id="38" name="Rectangle 37"/>
          <p:cNvSpPr>
            <a:spLocks noChangeArrowheads="1"/>
          </p:cNvSpPr>
          <p:nvPr/>
        </p:nvSpPr>
        <p:spPr bwMode="auto">
          <a:xfrm>
            <a:off x="6342063" y="3776663"/>
            <a:ext cx="441325" cy="23971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40</a:t>
            </a:r>
          </a:p>
        </p:txBody>
      </p:sp>
      <p:sp>
        <p:nvSpPr>
          <p:cNvPr id="39" name="Rectangle 38"/>
          <p:cNvSpPr>
            <a:spLocks noChangeArrowheads="1"/>
          </p:cNvSpPr>
          <p:nvPr/>
        </p:nvSpPr>
        <p:spPr bwMode="auto">
          <a:xfrm>
            <a:off x="3913188" y="3500438"/>
            <a:ext cx="1076325" cy="2206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7 </a:t>
            </a:r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</a:rPr>
              <a:t>(may vary)</a:t>
            </a:r>
          </a:p>
        </p:txBody>
      </p:sp>
      <p:sp>
        <p:nvSpPr>
          <p:cNvPr id="40" name="Rectangle 39"/>
          <p:cNvSpPr>
            <a:spLocks noChangeArrowheads="1"/>
          </p:cNvSpPr>
          <p:nvPr/>
        </p:nvSpPr>
        <p:spPr bwMode="auto">
          <a:xfrm>
            <a:off x="4443413" y="5422900"/>
            <a:ext cx="312737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9</a:t>
            </a:r>
            <a:endParaRPr lang="en-US" altLang="en-US" sz="1400">
              <a:solidFill>
                <a:srgbClr val="FF0000"/>
              </a:solidFill>
              <a:latin typeface="Arial Narrow" panose="020B0606020202030204" pitchFamily="34" charset="0"/>
            </a:endParaRPr>
          </a:p>
        </p:txBody>
      </p:sp>
      <p:sp>
        <p:nvSpPr>
          <p:cNvPr id="41" name="Rectangle 40"/>
          <p:cNvSpPr>
            <a:spLocks noChangeArrowheads="1"/>
          </p:cNvSpPr>
          <p:nvPr/>
        </p:nvSpPr>
        <p:spPr bwMode="auto">
          <a:xfrm>
            <a:off x="5226050" y="5422900"/>
            <a:ext cx="1076325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3 </a:t>
            </a:r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</a:rPr>
              <a:t>(may vary)</a:t>
            </a:r>
          </a:p>
        </p:txBody>
      </p:sp>
      <p:sp>
        <p:nvSpPr>
          <p:cNvPr id="42" name="Rectangle 41"/>
          <p:cNvSpPr>
            <a:spLocks noChangeArrowheads="1"/>
          </p:cNvSpPr>
          <p:nvPr/>
        </p:nvSpPr>
        <p:spPr bwMode="auto">
          <a:xfrm>
            <a:off x="6491288" y="5422900"/>
            <a:ext cx="439737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12</a:t>
            </a:r>
          </a:p>
        </p:txBody>
      </p:sp>
      <p:sp>
        <p:nvSpPr>
          <p:cNvPr id="43" name="Rectangle 42"/>
          <p:cNvSpPr>
            <a:spLocks noChangeArrowheads="1"/>
          </p:cNvSpPr>
          <p:nvPr/>
        </p:nvSpPr>
        <p:spPr bwMode="auto">
          <a:xfrm>
            <a:off x="5162550" y="5694363"/>
            <a:ext cx="1203325" cy="220662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10 </a:t>
            </a:r>
            <a:r>
              <a:rPr lang="en-US" altLang="en-US" sz="1400">
                <a:solidFill>
                  <a:srgbClr val="FF0000"/>
                </a:solidFill>
                <a:latin typeface="Arial Narrow" panose="020B0606020202030204" pitchFamily="34" charset="0"/>
              </a:rPr>
              <a:t>(may vary)</a:t>
            </a:r>
          </a:p>
        </p:txBody>
      </p:sp>
      <p:sp>
        <p:nvSpPr>
          <p:cNvPr id="45" name="Rectangle 44"/>
          <p:cNvSpPr>
            <a:spLocks noChangeArrowheads="1"/>
          </p:cNvSpPr>
          <p:nvPr/>
        </p:nvSpPr>
        <p:spPr bwMode="auto">
          <a:xfrm>
            <a:off x="6494463" y="5715000"/>
            <a:ext cx="441325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18</a:t>
            </a:r>
          </a:p>
        </p:txBody>
      </p:sp>
      <p:sp>
        <p:nvSpPr>
          <p:cNvPr id="48" name="Rectangle 47"/>
          <p:cNvSpPr>
            <a:spLocks noChangeArrowheads="1"/>
          </p:cNvSpPr>
          <p:nvPr/>
        </p:nvSpPr>
        <p:spPr bwMode="auto">
          <a:xfrm>
            <a:off x="4383088" y="5991225"/>
            <a:ext cx="441325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17</a:t>
            </a:r>
          </a:p>
        </p:txBody>
      </p:sp>
      <p:sp>
        <p:nvSpPr>
          <p:cNvPr id="49" name="Rectangle 48"/>
          <p:cNvSpPr>
            <a:spLocks noChangeArrowheads="1"/>
          </p:cNvSpPr>
          <p:nvPr/>
        </p:nvSpPr>
        <p:spPr bwMode="auto">
          <a:xfrm>
            <a:off x="5543550" y="5991225"/>
            <a:ext cx="441325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13</a:t>
            </a:r>
          </a:p>
        </p:txBody>
      </p:sp>
      <p:sp>
        <p:nvSpPr>
          <p:cNvPr id="51" name="Rectangle 50"/>
          <p:cNvSpPr>
            <a:spLocks noChangeArrowheads="1"/>
          </p:cNvSpPr>
          <p:nvPr/>
        </p:nvSpPr>
        <p:spPr bwMode="auto">
          <a:xfrm>
            <a:off x="6494463" y="5991225"/>
            <a:ext cx="441325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30</a:t>
            </a:r>
          </a:p>
        </p:txBody>
      </p:sp>
      <p:sp>
        <p:nvSpPr>
          <p:cNvPr id="52" name="Rectangle 51"/>
          <p:cNvSpPr>
            <a:spLocks noChangeArrowheads="1"/>
          </p:cNvSpPr>
          <p:nvPr/>
        </p:nvSpPr>
        <p:spPr bwMode="auto">
          <a:xfrm>
            <a:off x="4446588" y="5715000"/>
            <a:ext cx="314325" cy="241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</a:pPr>
            <a:r>
              <a:rPr lang="en-US" altLang="en-US">
                <a:solidFill>
                  <a:srgbClr val="FF0000"/>
                </a:solidFill>
                <a:latin typeface="Arial" panose="020B0604020202020204" pitchFamily="34" charset="0"/>
              </a:rPr>
              <a:t>8</a:t>
            </a:r>
            <a:endParaRPr lang="en-US" altLang="en-US" sz="1400">
              <a:solidFill>
                <a:srgbClr val="FF0000"/>
              </a:solidFill>
              <a:latin typeface="Arial Narrow" panose="020B0606020202030204" pitchFamily="34" charset="0"/>
            </a:endParaRPr>
          </a:p>
        </p:txBody>
      </p:sp>
      <p:sp>
        <p:nvSpPr>
          <p:cNvPr id="9304" name="Rectangle 52"/>
          <p:cNvSpPr>
            <a:spLocks noChangeArrowheads="1"/>
          </p:cNvSpPr>
          <p:nvPr/>
        </p:nvSpPr>
        <p:spPr bwMode="auto">
          <a:xfrm>
            <a:off x="274638" y="4970463"/>
            <a:ext cx="2560637" cy="13843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r>
              <a:rPr lang="en-US" altLang="en-US" sz="1400">
                <a:latin typeface="Arial Narrow" panose="020B0606020202030204" pitchFamily="34" charset="0"/>
              </a:rPr>
              <a:t>The probability of a randomly selected student from the sample not playing an instrument, given that student is an underclassmen is     . </a:t>
            </a:r>
          </a:p>
          <a:p>
            <a:r>
              <a:rPr lang="en-US" altLang="en-US" sz="1400">
                <a:latin typeface="Arial Narrow" panose="020B0606020202030204" pitchFamily="34" charset="0"/>
              </a:rPr>
              <a:t>Fill in the two-way table to </a:t>
            </a:r>
          </a:p>
          <a:p>
            <a:r>
              <a:rPr lang="en-US" altLang="en-US" sz="1400">
                <a:latin typeface="Arial Narrow" panose="020B0606020202030204" pitchFamily="34" charset="0"/>
              </a:rPr>
              <a:t>show how this is possible.</a:t>
            </a:r>
          </a:p>
        </p:txBody>
      </p:sp>
      <p:sp>
        <p:nvSpPr>
          <p:cNvPr id="54" name="Rectangle 53"/>
          <p:cNvSpPr/>
          <p:nvPr/>
        </p:nvSpPr>
        <p:spPr>
          <a:xfrm>
            <a:off x="2347913" y="5599113"/>
            <a:ext cx="306387" cy="349250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pPr algn="ctr">
              <a:lnSpc>
                <a:spcPts val="1000"/>
              </a:lnSpc>
              <a:defRPr/>
            </a:pPr>
            <a:r>
              <a:rPr lang="en-US" sz="1050" b="1" u="sng" dirty="0">
                <a:solidFill>
                  <a:prstClr val="black"/>
                </a:solidFill>
                <a:latin typeface="Arial Narrow" panose="020B0606020202030204" pitchFamily="34" charset="0"/>
              </a:rPr>
              <a:t> 8 </a:t>
            </a:r>
          </a:p>
          <a:p>
            <a:pPr algn="ctr">
              <a:lnSpc>
                <a:spcPts val="1000"/>
              </a:lnSpc>
              <a:defRPr/>
            </a:pPr>
            <a:r>
              <a:rPr lang="en-US" sz="1050" b="1" dirty="0">
                <a:solidFill>
                  <a:prstClr val="black"/>
                </a:solidFill>
                <a:latin typeface="Arial Narrow" panose="020B0606020202030204" pitchFamily="34" charset="0"/>
              </a:rPr>
              <a:t>17</a:t>
            </a:r>
            <a:endParaRPr lang="en-US" sz="1200" b="1" dirty="0">
              <a:latin typeface="Arial Narrow" panose="020B0606020202030204" pitchFamily="34" charset="0"/>
            </a:endParaRPr>
          </a:p>
        </p:txBody>
      </p:sp>
      <p:sp>
        <p:nvSpPr>
          <p:cNvPr id="6" name="Rounded Rectangle 5"/>
          <p:cNvSpPr/>
          <p:nvPr/>
        </p:nvSpPr>
        <p:spPr bwMode="auto">
          <a:xfrm>
            <a:off x="3211513" y="2222500"/>
            <a:ext cx="227012" cy="195263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cxnSp>
        <p:nvCxnSpPr>
          <p:cNvPr id="55" name="Straight Connector 54"/>
          <p:cNvCxnSpPr/>
          <p:nvPr/>
        </p:nvCxnSpPr>
        <p:spPr>
          <a:xfrm>
            <a:off x="4265613" y="2398713"/>
            <a:ext cx="944562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0" name="Straight Connector 59"/>
          <p:cNvCxnSpPr/>
          <p:nvPr/>
        </p:nvCxnSpPr>
        <p:spPr>
          <a:xfrm>
            <a:off x="4675188" y="2619375"/>
            <a:ext cx="779462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1" name="Straight Connector 60"/>
          <p:cNvCxnSpPr/>
          <p:nvPr/>
        </p:nvCxnSpPr>
        <p:spPr>
          <a:xfrm>
            <a:off x="1390650" y="2624138"/>
            <a:ext cx="944563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2" name="Rounded Rectangle 61"/>
          <p:cNvSpPr/>
          <p:nvPr/>
        </p:nvSpPr>
        <p:spPr bwMode="auto">
          <a:xfrm>
            <a:off x="3206750" y="4367213"/>
            <a:ext cx="227013" cy="195262"/>
          </a:xfrm>
          <a:prstGeom prst="roundRect">
            <a:avLst/>
          </a:prstGeom>
          <a:noFill/>
          <a:ln w="19050" algn="ctr">
            <a:solidFill>
              <a:srgbClr val="FF0000"/>
            </a:solidFill>
            <a:miter lim="800000"/>
            <a:headEnd/>
            <a:tailEnd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lIns="0" tIns="0" rIns="0" bIns="0" anchor="ctr">
            <a:spAutoFit/>
          </a:bodyPr>
          <a:lstStyle/>
          <a:p>
            <a:pPr algn="ctr"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kern="0" dirty="0">
              <a:latin typeface="Arial" pitchFamily="34" charset="0"/>
            </a:endParaRPr>
          </a:p>
        </p:txBody>
      </p:sp>
      <p:cxnSp>
        <p:nvCxnSpPr>
          <p:cNvPr id="63" name="Straight Connector 62"/>
          <p:cNvCxnSpPr/>
          <p:nvPr/>
        </p:nvCxnSpPr>
        <p:spPr>
          <a:xfrm>
            <a:off x="4257675" y="4543425"/>
            <a:ext cx="946150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4" name="Straight Connector 63"/>
          <p:cNvCxnSpPr/>
          <p:nvPr/>
        </p:nvCxnSpPr>
        <p:spPr>
          <a:xfrm>
            <a:off x="4429125" y="4764088"/>
            <a:ext cx="1257300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5" name="Straight Connector 64"/>
          <p:cNvCxnSpPr/>
          <p:nvPr/>
        </p:nvCxnSpPr>
        <p:spPr>
          <a:xfrm>
            <a:off x="1173163" y="4768850"/>
            <a:ext cx="944562" cy="0"/>
          </a:xfrm>
          <a:prstGeom prst="line">
            <a:avLst/>
          </a:prstGeom>
          <a:ln w="12700">
            <a:solidFill>
              <a:srgbClr val="FF0000"/>
            </a:solidFill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</p:spTree>
    <p:custDataLst>
      <p:tags r:id="rId1"/>
    </p:custDataLst>
  </p:cSld>
  <p:clrMapOvr>
    <a:masterClrMapping/>
  </p:clrMapOvr>
  <p:transition spd="slow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 nodeType="clickPar">
                      <p:stCondLst>
                        <p:cond delay="indefinite"/>
                      </p:stCondLst>
                      <p:childTnLst>
                        <p:par>
                          <p:cTn id="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 nodeType="clickPar">
                      <p:stCondLst>
                        <p:cond delay="indefinite"/>
                      </p:stCondLst>
                      <p:childTnLst>
                        <p:par>
                          <p:cTn id="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5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 nodeType="clickPar">
                      <p:stCondLst>
                        <p:cond delay="indefinite"/>
                      </p:stCondLst>
                      <p:childTnLst>
                        <p:par>
                          <p:cTn id="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7" dur="500"/>
                                        <p:tgtEl>
                                          <p:spTgt spid="6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 nodeType="clickPar">
                      <p:stCondLst>
                        <p:cond delay="indefinite"/>
                      </p:stCondLst>
                      <p:childTnLst>
                        <p:par>
                          <p:cTn id="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6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 nodeType="clickPar">
                      <p:stCondLst>
                        <p:cond delay="indefinite"/>
                      </p:stCondLst>
                      <p:childTnLst>
                        <p:par>
                          <p:cTn id="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 nodeType="clickPar">
                      <p:stCondLst>
                        <p:cond delay="indefinite"/>
                      </p:stCondLst>
                      <p:childTnLst>
                        <p:par>
                          <p:cTn id="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 nodeType="clickPar">
                      <p:stCondLst>
                        <p:cond delay="indefinite"/>
                      </p:stCondLst>
                      <p:childTnLst>
                        <p:par>
                          <p:cTn id="3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 nodeType="clickPar">
                      <p:stCondLst>
                        <p:cond delay="indefinite"/>
                      </p:stCondLst>
                      <p:childTnLst>
                        <p:par>
                          <p:cTn id="3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 nodeType="clickPar">
                      <p:stCondLst>
                        <p:cond delay="indefinite"/>
                      </p:stCondLst>
                      <p:childTnLst>
                        <p:par>
                          <p:cTn id="4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 nodeType="clickPar">
                      <p:stCondLst>
                        <p:cond delay="indefinite"/>
                      </p:stCondLst>
                      <p:childTnLst>
                        <p:par>
                          <p:cTn id="4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3" fill="hold" nodeType="clickPar">
                      <p:stCondLst>
                        <p:cond delay="indefinite"/>
                      </p:stCondLst>
                      <p:childTnLst>
                        <p:par>
                          <p:cTn id="5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5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7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8" fill="hold" nodeType="clickPar">
                      <p:stCondLst>
                        <p:cond delay="indefinite"/>
                      </p:stCondLst>
                      <p:childTnLst>
                        <p:par>
                          <p:cTn id="5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2" dur="500"/>
                                        <p:tgtEl>
                                          <p:spTgt spid="3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3" fill="hold" nodeType="clickPar">
                      <p:stCondLst>
                        <p:cond delay="indefinite"/>
                      </p:stCondLst>
                      <p:childTnLst>
                        <p:par>
                          <p:cTn id="6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6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67" dur="500"/>
                                        <p:tgtEl>
                                          <p:spTgt spid="3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 nodeType="clickPar">
                      <p:stCondLst>
                        <p:cond delay="indefinite"/>
                      </p:stCondLst>
                      <p:childTnLst>
                        <p:par>
                          <p:cTn id="6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0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2" dur="500"/>
                                        <p:tgtEl>
                                          <p:spTgt spid="6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3" fill="hold" nodeType="clickPar">
                      <p:stCondLst>
                        <p:cond delay="indefinite"/>
                      </p:stCondLst>
                      <p:childTnLst>
                        <p:par>
                          <p:cTn id="7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7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7" dur="500"/>
                                        <p:tgtEl>
                                          <p:spTgt spid="6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8" fill="hold" nodeType="clickPar">
                      <p:stCondLst>
                        <p:cond delay="indefinite"/>
                      </p:stCondLst>
                      <p:childTnLst>
                        <p:par>
                          <p:cTn id="7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2" dur="500"/>
                                        <p:tgtEl>
                                          <p:spTgt spid="6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3" fill="hold" nodeType="clickPar">
                      <p:stCondLst>
                        <p:cond delay="indefinite"/>
                      </p:stCondLst>
                      <p:childTnLst>
                        <p:par>
                          <p:cTn id="8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8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6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87" dur="500"/>
                                        <p:tgtEl>
                                          <p:spTgt spid="6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8" fill="hold" nodeType="clickPar">
                      <p:stCondLst>
                        <p:cond delay="indefinite"/>
                      </p:stCondLst>
                      <p:childTnLst>
                        <p:par>
                          <p:cTn id="8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2" dur="500"/>
                                        <p:tgtEl>
                                          <p:spTgt spid="5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3" fill="hold" nodeType="clickPar">
                      <p:stCondLst>
                        <p:cond delay="indefinite"/>
                      </p:stCondLst>
                      <p:childTnLst>
                        <p:par>
                          <p:cTn id="9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9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7" dur="500"/>
                                        <p:tgtEl>
                                          <p:spTgt spid="5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8" fill="hold" nodeType="clickPar">
                      <p:stCondLst>
                        <p:cond delay="indefinite"/>
                      </p:stCondLst>
                      <p:childTnLst>
                        <p:par>
                          <p:cTn id="9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2" dur="500"/>
                                        <p:tgtEl>
                                          <p:spTgt spid="4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3" fill="hold" nodeType="clickPar">
                      <p:stCondLst>
                        <p:cond delay="indefinite"/>
                      </p:stCondLst>
                      <p:childTnLst>
                        <p:par>
                          <p:cTn id="10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0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7" dur="500"/>
                                        <p:tgtEl>
                                          <p:spTgt spid="4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8" fill="hold" nodeType="clickPar">
                      <p:stCondLst>
                        <p:cond delay="indefinite"/>
                      </p:stCondLst>
                      <p:childTnLst>
                        <p:par>
                          <p:cTn id="10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2" dur="500"/>
                                        <p:tgtEl>
                                          <p:spTgt spid="4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3" fill="hold" nodeType="clickPar">
                      <p:stCondLst>
                        <p:cond delay="indefinite"/>
                      </p:stCondLst>
                      <p:childTnLst>
                        <p:par>
                          <p:cTn id="11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17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8" fill="hold" nodeType="clickPar">
                      <p:stCondLst>
                        <p:cond delay="indefinite"/>
                      </p:stCondLst>
                      <p:childTnLst>
                        <p:par>
                          <p:cTn id="11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2" dur="500"/>
                                        <p:tgtEl>
                                          <p:spTgt spid="4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3" fill="hold" nodeType="clickPar">
                      <p:stCondLst>
                        <p:cond delay="indefinite"/>
                      </p:stCondLst>
                      <p:childTnLst>
                        <p:par>
                          <p:cTn id="124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7" dur="500"/>
                                        <p:tgtEl>
                                          <p:spTgt spid="4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8" fill="hold" nodeType="clickPar">
                      <p:stCondLst>
                        <p:cond delay="indefinite"/>
                      </p:stCondLst>
                      <p:childTnLst>
                        <p:par>
                          <p:cTn id="129" fill="hold" nodeType="withGroup">
                            <p:stCondLst>
                              <p:cond delay="0"/>
                            </p:stCondLst>
                            <p:childTnLst>
                              <p:par>
                                <p:cTn id="1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2" dur="500"/>
                                        <p:tgtEl>
                                          <p:spTgt spid="4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9" grpId="0"/>
      <p:bldP spid="30" grpId="0"/>
      <p:bldP spid="31" grpId="0"/>
      <p:bldP spid="33" grpId="0"/>
      <p:bldP spid="34" grpId="0"/>
      <p:bldP spid="35" grpId="0"/>
      <p:bldP spid="36" grpId="0"/>
      <p:bldP spid="38" grpId="0"/>
      <p:bldP spid="39" grpId="0"/>
      <p:bldP spid="40" grpId="0"/>
      <p:bldP spid="41" grpId="0"/>
      <p:bldP spid="42" grpId="0"/>
      <p:bldP spid="43" grpId="0"/>
      <p:bldP spid="45" grpId="0"/>
      <p:bldP spid="48" grpId="0"/>
      <p:bldP spid="49" grpId="0"/>
      <p:bldP spid="51" grpId="0"/>
      <p:bldP spid="52" grpId="0"/>
      <p:bldP spid="6" grpId="0" animBg="1"/>
      <p:bldP spid="62" grpId="0" animBg="1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4" name="Rectangle 33"/>
          <p:cNvSpPr/>
          <p:nvPr/>
        </p:nvSpPr>
        <p:spPr>
          <a:xfrm>
            <a:off x="93663" y="122238"/>
            <a:ext cx="9005887" cy="44450"/>
          </a:xfrm>
          <a:prstGeom prst="rect">
            <a:avLst/>
          </a:prstGeom>
          <a:solidFill>
            <a:srgbClr val="21A8B3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anchor="ctr"/>
          <a:lstStyle/>
          <a:p>
            <a:pPr algn="ctr" defTabSz="914363" fontAlgn="auto">
              <a:spcBef>
                <a:spcPts val="0"/>
              </a:spcBef>
              <a:spcAft>
                <a:spcPts val="0"/>
              </a:spcAft>
              <a:defRPr/>
            </a:pPr>
            <a:endParaRPr lang="en-US"/>
          </a:p>
        </p:txBody>
      </p:sp>
      <p:sp>
        <p:nvSpPr>
          <p:cNvPr id="10243" name="Rectangle 14"/>
          <p:cNvSpPr>
            <a:spLocks noChangeArrowheads="1"/>
          </p:cNvSpPr>
          <p:nvPr/>
        </p:nvSpPr>
        <p:spPr bwMode="auto">
          <a:xfrm>
            <a:off x="688975" y="868363"/>
            <a:ext cx="6081713" cy="7699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2200" i="1">
                <a:latin typeface="Gill Sans MT" panose="020B0502020104020203" pitchFamily="34" charset="0"/>
              </a:rPr>
              <a:t>Constructing and interpreting two-way tables will help you understand data presented to you in different ways.</a:t>
            </a:r>
          </a:p>
        </p:txBody>
      </p:sp>
      <p:sp>
        <p:nvSpPr>
          <p:cNvPr id="10244" name="Rectangle 14"/>
          <p:cNvSpPr>
            <a:spLocks noChangeArrowheads="1"/>
          </p:cNvSpPr>
          <p:nvPr/>
        </p:nvSpPr>
        <p:spPr bwMode="auto">
          <a:xfrm>
            <a:off x="688975" y="3429000"/>
            <a:ext cx="6081713" cy="769938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>
            <a:lvl1pPr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1pPr>
            <a:lvl2pPr marL="742950" indent="-28575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2pPr>
            <a:lvl3pPr marL="11430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3pPr>
            <a:lvl4pPr marL="16002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4pPr>
            <a:lvl5pPr marL="2057400" indent="-228600" eaLnBrk="0" hangingPunct="0"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5pPr>
            <a:lvl6pPr marL="25146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6pPr>
            <a:lvl7pPr marL="29718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7pPr>
            <a:lvl8pPr marL="34290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8pPr>
            <a:lvl9pPr marL="3886200" indent="-228600" defTabSz="912813" eaLnBrk="0" fontAlgn="base" hangingPunct="0">
              <a:spcBef>
                <a:spcPct val="0"/>
              </a:spcBef>
              <a:spcAft>
                <a:spcPct val="0"/>
              </a:spcAft>
              <a:defRPr>
                <a:solidFill>
                  <a:schemeClr val="tx1"/>
                </a:solidFill>
                <a:latin typeface="Calibri" panose="020F0502020204030204" pitchFamily="34" charset="0"/>
                <a:cs typeface="Arial" panose="020B0604020202020204" pitchFamily="34" charset="0"/>
              </a:defRPr>
            </a:lvl9pPr>
          </a:lstStyle>
          <a:p>
            <a:pPr eaLnBrk="1" hangingPunct="1"/>
            <a:r>
              <a:rPr lang="en-US" altLang="en-US" sz="2200" i="1">
                <a:latin typeface="Gill Sans MT" panose="020B0502020104020203" pitchFamily="34" charset="0"/>
              </a:rPr>
              <a:t>Constructing and interpreting two-way tables will help you do well on tests.</a:t>
            </a:r>
          </a:p>
        </p:txBody>
      </p:sp>
      <p:sp>
        <p:nvSpPr>
          <p:cNvPr id="45" name="Oval 44"/>
          <p:cNvSpPr/>
          <p:nvPr/>
        </p:nvSpPr>
        <p:spPr bwMode="auto">
          <a:xfrm>
            <a:off x="238125" y="881063"/>
            <a:ext cx="379413" cy="379412"/>
          </a:xfrm>
          <a:prstGeom prst="ellipse">
            <a:avLst/>
          </a:prstGeom>
          <a:solidFill>
            <a:srgbClr val="06597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anchor="ctr"/>
          <a:lstStyle/>
          <a:p>
            <a:pPr algn="ctr" defTabSz="914363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2400" b="1" dirty="0">
                <a:latin typeface="Gill Sans MT" pitchFamily="34" charset="0"/>
              </a:rPr>
              <a:t>1</a:t>
            </a:r>
          </a:p>
        </p:txBody>
      </p:sp>
      <p:grpSp>
        <p:nvGrpSpPr>
          <p:cNvPr id="10246" name="Group 2"/>
          <p:cNvGrpSpPr>
            <a:grpSpLocks/>
          </p:cNvGrpSpPr>
          <p:nvPr/>
        </p:nvGrpSpPr>
        <p:grpSpPr bwMode="auto">
          <a:xfrm>
            <a:off x="6765925" y="4619625"/>
            <a:ext cx="2195513" cy="1735138"/>
            <a:chOff x="6765925" y="4094163"/>
            <a:chExt cx="2195513" cy="1736583"/>
          </a:xfrm>
        </p:grpSpPr>
        <p:sp>
          <p:nvSpPr>
            <p:cNvPr id="57" name="Rectangle 56"/>
            <p:cNvSpPr/>
            <p:nvPr/>
          </p:nvSpPr>
          <p:spPr bwMode="auto">
            <a:xfrm>
              <a:off x="6765925" y="4094163"/>
              <a:ext cx="2190750" cy="1736583"/>
            </a:xfrm>
            <a:prstGeom prst="rect">
              <a:avLst/>
            </a:prstGeom>
            <a:gradFill flip="none" rotWithShape="1">
              <a:gsLst>
                <a:gs pos="0">
                  <a:srgbClr val="C0ECFC"/>
                </a:gs>
                <a:gs pos="32000">
                  <a:srgbClr val="F7FDFF"/>
                </a:gs>
                <a:gs pos="100000">
                  <a:srgbClr val="FFFFFF"/>
                </a:gs>
              </a:gsLst>
              <a:lin ang="2700000" scaled="1"/>
              <a:tileRect/>
            </a:gradFill>
            <a:ln w="3175">
              <a:solidFill>
                <a:schemeClr val="bg1">
                  <a:lumMod val="75000"/>
                </a:schemeClr>
              </a:solidFill>
            </a:ln>
            <a:effectLst>
              <a:outerShdw blurRad="63500" sx="102000" sy="102000" algn="ctr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tIns="301752" rIns="45720">
              <a:spAutoFit/>
            </a:bodyPr>
            <a:lstStyle/>
            <a:p>
              <a:pPr>
                <a:defRPr/>
              </a:pPr>
              <a:r>
                <a:rPr lang="en-US" sz="1000" dirty="0">
                  <a:solidFill>
                    <a:schemeClr val="tx1">
                      <a:lumMod val="50000"/>
                      <a:lumOff val="50000"/>
                    </a:schemeClr>
                  </a:solidFill>
                  <a:latin typeface="Verdana" pitchFamily="34" charset="0"/>
                </a:rPr>
                <a:t>Does anyone else have another reason why it is relevant to construct and interpret two-way tables? (Pair-Share) Why is it relevant to construct and interpret two-way tables? You may give one of my reasons or one of your own. Which reason is more relevant to you? Why? </a:t>
              </a:r>
            </a:p>
          </p:txBody>
        </p:sp>
        <p:sp>
          <p:nvSpPr>
            <p:cNvPr id="58" name="Rectangle 57"/>
            <p:cNvSpPr/>
            <p:nvPr/>
          </p:nvSpPr>
          <p:spPr bwMode="auto">
            <a:xfrm>
              <a:off x="6770688" y="4098930"/>
              <a:ext cx="2190750" cy="231968"/>
            </a:xfrm>
            <a:prstGeom prst="rect">
              <a:avLst/>
            </a:prstGeom>
            <a:solidFill>
              <a:srgbClr val="08749A"/>
            </a:solidFill>
            <a:ln w="3175">
              <a:solidFill>
                <a:schemeClr val="accent1"/>
              </a:solidFill>
            </a:ln>
            <a:effectLst>
              <a:outerShdw blurRad="50800" dist="38100" dir="5400000" algn="t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>
                <a:defRPr/>
              </a:pPr>
              <a:r>
                <a:rPr lang="en-US" sz="1000" b="1" dirty="0">
                  <a:solidFill>
                    <a:prstClr val="white"/>
                  </a:solidFill>
                  <a:latin typeface="Gill Sans MT" pitchFamily="34" charset="0"/>
                  <a:cs typeface="Arial" charset="0"/>
                </a:rPr>
                <a:t>CFU</a:t>
              </a:r>
            </a:p>
          </p:txBody>
        </p:sp>
      </p:grpSp>
      <p:sp>
        <p:nvSpPr>
          <p:cNvPr id="29" name="Oval 28"/>
          <p:cNvSpPr/>
          <p:nvPr/>
        </p:nvSpPr>
        <p:spPr bwMode="auto">
          <a:xfrm>
            <a:off x="238125" y="3479800"/>
            <a:ext cx="379413" cy="379413"/>
          </a:xfrm>
          <a:prstGeom prst="ellipse">
            <a:avLst/>
          </a:prstGeom>
          <a:solidFill>
            <a:srgbClr val="065978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lIns="0" tIns="0" rIns="0" bIns="0" anchor="ctr"/>
          <a:lstStyle/>
          <a:p>
            <a:pPr algn="ctr" defTabSz="914363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2400" b="1" dirty="0">
                <a:latin typeface="Gill Sans MT" pitchFamily="34" charset="0"/>
              </a:rPr>
              <a:t>2</a:t>
            </a:r>
          </a:p>
        </p:txBody>
      </p:sp>
      <p:sp>
        <p:nvSpPr>
          <p:cNvPr id="21" name="AutoShape 7"/>
          <p:cNvSpPr>
            <a:spLocks noChangeArrowheads="1"/>
          </p:cNvSpPr>
          <p:nvPr/>
        </p:nvSpPr>
        <p:spPr bwMode="auto">
          <a:xfrm>
            <a:off x="1579563" y="4248150"/>
            <a:ext cx="3989387" cy="2363788"/>
          </a:xfrm>
          <a:prstGeom prst="roundRect">
            <a:avLst>
              <a:gd name="adj" fmla="val 7407"/>
            </a:avLst>
          </a:prstGeom>
          <a:noFill/>
          <a:ln w="19050" algn="ctr">
            <a:noFill/>
            <a:round/>
            <a:headEnd/>
            <a:tailEnd/>
          </a:ln>
          <a:effectLst/>
        </p:spPr>
        <p:txBody>
          <a:bodyPr/>
          <a:lstStyle/>
          <a:p>
            <a:pPr defTabSz="914400" fontAlgn="auto">
              <a:spcBef>
                <a:spcPts val="0"/>
              </a:spcBef>
              <a:spcAft>
                <a:spcPts val="0"/>
              </a:spcAft>
              <a:defRPr/>
            </a:pPr>
            <a:r>
              <a:rPr lang="en-US" sz="1200" b="1" kern="0" dirty="0">
                <a:solidFill>
                  <a:srgbClr val="000000"/>
                </a:solidFill>
                <a:latin typeface="Arial" pitchFamily="34" charset="0"/>
              </a:rPr>
              <a:t>Sample Test Question:</a:t>
            </a:r>
          </a:p>
          <a:p>
            <a:pPr defTabSz="914400" fontAlgn="auto">
              <a:spcBef>
                <a:spcPts val="0"/>
              </a:spcBef>
              <a:spcAft>
                <a:spcPts val="0"/>
              </a:spcAft>
              <a:defRPr/>
            </a:pPr>
            <a:endParaRPr lang="en-US" sz="900" b="1" kern="0" dirty="0">
              <a:solidFill>
                <a:srgbClr val="000000"/>
              </a:solidFill>
              <a:latin typeface="Arial" pitchFamily="34" charset="0"/>
            </a:endParaRPr>
          </a:p>
        </p:txBody>
      </p:sp>
      <p:grpSp>
        <p:nvGrpSpPr>
          <p:cNvPr id="10249" name="Group 1"/>
          <p:cNvGrpSpPr>
            <a:grpSpLocks/>
          </p:cNvGrpSpPr>
          <p:nvPr/>
        </p:nvGrpSpPr>
        <p:grpSpPr bwMode="auto">
          <a:xfrm>
            <a:off x="1411288" y="4160838"/>
            <a:ext cx="4325937" cy="2560637"/>
            <a:chOff x="1434455" y="3520440"/>
            <a:chExt cx="2938162" cy="1871318"/>
          </a:xfrm>
        </p:grpSpPr>
        <p:pic>
          <p:nvPicPr>
            <p:cNvPr id="10258" name="Picture 66" descr="C:\Documents and Settings\jim\Desktop\My Stuff\Graphics\hd-blogshapes\line-horiz-black2.png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434455" y="3557274"/>
              <a:ext cx="2938162" cy="108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0259" name="Picture 66" descr="C:\Documents and Settings\jim\Desktop\My Stuff\Graphics\hd-blogshapes\line-horiz-black2.png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1434455" y="5257780"/>
              <a:ext cx="2938162" cy="108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0260" name="Picture 66" descr="C:\Documents and Settings\jim\Desktop\My Stuff\Graphics\hd-blogshapes\line-horiz-black2.png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-5400000">
              <a:off x="634064" y="4389110"/>
              <a:ext cx="1845918" cy="108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  <p:pic>
          <p:nvPicPr>
            <p:cNvPr id="10261" name="Picture 66" descr="C:\Documents and Settings\jim\Desktop\My Stuff\Graphics\hd-blogshapes\line-horiz-black2.png"/>
            <p:cNvPicPr>
              <a:picLocks noChangeAspect="1" noChangeArrowheads="1"/>
            </p:cNvPicPr>
            <p:nvPr/>
          </p:nvPicPr>
          <p:blipFill>
            <a:blip r:embed="rId4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/>
            <a:stretch>
              <a:fillRect/>
            </a:stretch>
          </p:blipFill>
          <p:spPr bwMode="auto">
            <a:xfrm rot="5400000">
              <a:off x="3367466" y="4414510"/>
              <a:ext cx="1845918" cy="108578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rgbClr val="000000"/>
                  </a:solidFill>
                  <a:miter lim="800000"/>
                  <a:headEnd/>
                  <a:tailEnd/>
                </a14:hiddenLine>
              </a:ext>
            </a:extLst>
          </p:spPr>
        </p:pic>
      </p:grpSp>
      <p:sp>
        <p:nvSpPr>
          <p:cNvPr id="18" name="Heading"/>
          <p:cNvSpPr/>
          <p:nvPr/>
        </p:nvSpPr>
        <p:spPr bwMode="auto">
          <a:xfrm>
            <a:off x="0" y="0"/>
            <a:ext cx="1735138" cy="247650"/>
          </a:xfrm>
          <a:prstGeom prst="homePlate">
            <a:avLst>
              <a:gd name="adj" fmla="val 40355"/>
            </a:avLst>
          </a:prstGeom>
          <a:solidFill>
            <a:srgbClr val="21A8B3"/>
          </a:solidFill>
          <a:ln>
            <a:noFill/>
          </a:ln>
          <a:effectLst>
            <a:outerShdw blurRad="63500" sx="102000" sy="102000" algn="ctr" rotWithShape="0">
              <a:prstClr val="black">
                <a:alpha val="40000"/>
              </a:prstClr>
            </a:outerShdw>
          </a:effectLst>
          <a:extLst/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Ins="18288" anchor="ctr"/>
          <a:lstStyle/>
          <a:p>
            <a:pPr>
              <a:defRPr/>
            </a:pPr>
            <a:r>
              <a:rPr lang="en-US" sz="1200" b="1" dirty="0">
                <a:solidFill>
                  <a:schemeClr val="bg1"/>
                </a:solidFill>
                <a:latin typeface="Gill Sans MT" pitchFamily="34" charset="0"/>
              </a:rPr>
              <a:t>Relevance</a:t>
            </a:r>
          </a:p>
        </p:txBody>
      </p:sp>
      <p:pic>
        <p:nvPicPr>
          <p:cNvPr id="10251" name="Picture 18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1773238" y="4578350"/>
            <a:ext cx="3582987" cy="1935163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chemeClr val="tx1"/>
                </a:solidFill>
                <a:miter lim="800000"/>
                <a:headEnd/>
                <a:tailEnd/>
              </a14:hiddenLine>
            </a:ext>
          </a:extLst>
        </p:spPr>
      </p:pic>
      <p:sp>
        <p:nvSpPr>
          <p:cNvPr id="19" name="Rectangle 21"/>
          <p:cNvSpPr>
            <a:spLocks noChangeArrowheads="1"/>
          </p:cNvSpPr>
          <p:nvPr/>
        </p:nvSpPr>
        <p:spPr bwMode="auto">
          <a:xfrm>
            <a:off x="0" y="247650"/>
            <a:ext cx="5303838" cy="58420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pPr defTabSz="914400">
              <a:defRPr/>
            </a:pP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A </a:t>
            </a:r>
            <a:r>
              <a:rPr lang="en-US" sz="1600" b="1" u="sng" dirty="0">
                <a:solidFill>
                  <a:srgbClr val="000000"/>
                </a:solidFill>
                <a:latin typeface="Arial" charset="0"/>
                <a:cs typeface="+mn-cs"/>
              </a:rPr>
              <a:t>two-way frequency table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 shows data from one</a:t>
            </a:r>
            <a:r>
              <a:rPr lang="en-US" sz="1600" b="1" dirty="0">
                <a:solidFill>
                  <a:srgbClr val="000000"/>
                </a:solidFill>
                <a:latin typeface="Arial" charset="0"/>
                <a:cs typeface="+mn-cs"/>
              </a:rPr>
              <a:t> sample group 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as it relates to </a:t>
            </a:r>
            <a:r>
              <a:rPr lang="en-US" sz="1600" b="1" dirty="0">
                <a:solidFill>
                  <a:srgbClr val="000000"/>
                </a:solidFill>
                <a:latin typeface="Arial" charset="0"/>
                <a:cs typeface="+mn-cs"/>
              </a:rPr>
              <a:t>two different categories</a:t>
            </a:r>
            <a:r>
              <a:rPr lang="en-US" sz="1600" dirty="0">
                <a:solidFill>
                  <a:srgbClr val="000000"/>
                </a:solidFill>
                <a:latin typeface="Arial" charset="0"/>
                <a:cs typeface="+mn-cs"/>
              </a:rPr>
              <a:t>.</a:t>
            </a:r>
          </a:p>
        </p:txBody>
      </p:sp>
      <p:grpSp>
        <p:nvGrpSpPr>
          <p:cNvPr id="10253" name="Group 2"/>
          <p:cNvGrpSpPr>
            <a:grpSpLocks/>
          </p:cNvGrpSpPr>
          <p:nvPr/>
        </p:nvGrpSpPr>
        <p:grpSpPr bwMode="auto">
          <a:xfrm>
            <a:off x="3603625" y="1793875"/>
            <a:ext cx="4900613" cy="1609725"/>
            <a:chOff x="1203558" y="1765790"/>
            <a:chExt cx="4900785" cy="1608969"/>
          </a:xfrm>
        </p:grpSpPr>
        <p:sp>
          <p:nvSpPr>
            <p:cNvPr id="20" name="Freeform 19"/>
            <p:cNvSpPr/>
            <p:nvPr/>
          </p:nvSpPr>
          <p:spPr>
            <a:xfrm>
              <a:off x="1203558" y="1765790"/>
              <a:ext cx="4900785" cy="1608969"/>
            </a:xfrm>
            <a:custGeom>
              <a:avLst/>
              <a:gdLst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045028 w 5805714"/>
                <a:gd name="connsiteY38" fmla="*/ 9289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77371 w 5805714"/>
                <a:gd name="connsiteY45" fmla="*/ 943428 h 1059543"/>
                <a:gd name="connsiteX46" fmla="*/ 319314 w 5805714"/>
                <a:gd name="connsiteY46" fmla="*/ 928914 h 1059543"/>
                <a:gd name="connsiteX47" fmla="*/ 319314 w 5805714"/>
                <a:gd name="connsiteY47" fmla="*/ 928914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045028 w 5805714"/>
                <a:gd name="connsiteY38" fmla="*/ 9289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77371 w 5805714"/>
                <a:gd name="connsiteY45" fmla="*/ 943428 h 1059543"/>
                <a:gd name="connsiteX46" fmla="*/ 319314 w 5805714"/>
                <a:gd name="connsiteY46" fmla="*/ 928914 h 1059543"/>
                <a:gd name="connsiteX47" fmla="*/ 319314 w 5805714"/>
                <a:gd name="connsiteY47" fmla="*/ 92891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045028 w 5805714"/>
                <a:gd name="connsiteY38" fmla="*/ 9289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77371 w 5805714"/>
                <a:gd name="connsiteY45" fmla="*/ 94342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045028 w 5805714"/>
                <a:gd name="connsiteY38" fmla="*/ 9289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83721 w 5805714"/>
                <a:gd name="connsiteY45" fmla="*/ 96247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04686 w 5805714"/>
                <a:gd name="connsiteY37" fmla="*/ 885371 h 1059543"/>
                <a:gd name="connsiteX38" fmla="*/ 1127578 w 5805714"/>
                <a:gd name="connsiteY38" fmla="*/ 9543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83721 w 5805714"/>
                <a:gd name="connsiteY45" fmla="*/ 96247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291771 w 5805714"/>
                <a:gd name="connsiteY36" fmla="*/ 928914 h 1059543"/>
                <a:gd name="connsiteX37" fmla="*/ 1230086 w 5805714"/>
                <a:gd name="connsiteY37" fmla="*/ 986971 h 1059543"/>
                <a:gd name="connsiteX38" fmla="*/ 1127578 w 5805714"/>
                <a:gd name="connsiteY38" fmla="*/ 9543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83721 w 5805714"/>
                <a:gd name="connsiteY45" fmla="*/ 96247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59543"/>
                <a:gd name="connsiteX1" fmla="*/ 0 w 5805714"/>
                <a:gd name="connsiteY1" fmla="*/ 0 h 1059543"/>
                <a:gd name="connsiteX2" fmla="*/ 5805714 w 5805714"/>
                <a:gd name="connsiteY2" fmla="*/ 0 h 1059543"/>
                <a:gd name="connsiteX3" fmla="*/ 5805714 w 5805714"/>
                <a:gd name="connsiteY3" fmla="*/ 957943 h 1059543"/>
                <a:gd name="connsiteX4" fmla="*/ 5544457 w 5805714"/>
                <a:gd name="connsiteY4" fmla="*/ 885371 h 1059543"/>
                <a:gd name="connsiteX5" fmla="*/ 5355771 w 5805714"/>
                <a:gd name="connsiteY5" fmla="*/ 914400 h 1059543"/>
                <a:gd name="connsiteX6" fmla="*/ 5109028 w 5805714"/>
                <a:gd name="connsiteY6" fmla="*/ 899885 h 1059543"/>
                <a:gd name="connsiteX7" fmla="*/ 5007428 w 5805714"/>
                <a:gd name="connsiteY7" fmla="*/ 957943 h 1059543"/>
                <a:gd name="connsiteX8" fmla="*/ 4847771 w 5805714"/>
                <a:gd name="connsiteY8" fmla="*/ 870857 h 1059543"/>
                <a:gd name="connsiteX9" fmla="*/ 4760686 w 5805714"/>
                <a:gd name="connsiteY9" fmla="*/ 943428 h 1059543"/>
                <a:gd name="connsiteX10" fmla="*/ 4644571 w 5805714"/>
                <a:gd name="connsiteY10" fmla="*/ 943428 h 1059543"/>
                <a:gd name="connsiteX11" fmla="*/ 4499428 w 5805714"/>
                <a:gd name="connsiteY11" fmla="*/ 856343 h 1059543"/>
                <a:gd name="connsiteX12" fmla="*/ 4412343 w 5805714"/>
                <a:gd name="connsiteY12" fmla="*/ 914400 h 1059543"/>
                <a:gd name="connsiteX13" fmla="*/ 4252686 w 5805714"/>
                <a:gd name="connsiteY13" fmla="*/ 928914 h 1059543"/>
                <a:gd name="connsiteX14" fmla="*/ 4151086 w 5805714"/>
                <a:gd name="connsiteY14" fmla="*/ 856343 h 1059543"/>
                <a:gd name="connsiteX15" fmla="*/ 4034971 w 5805714"/>
                <a:gd name="connsiteY15" fmla="*/ 885371 h 1059543"/>
                <a:gd name="connsiteX16" fmla="*/ 3889828 w 5805714"/>
                <a:gd name="connsiteY16" fmla="*/ 914400 h 1059543"/>
                <a:gd name="connsiteX17" fmla="*/ 3788228 w 5805714"/>
                <a:gd name="connsiteY17" fmla="*/ 957943 h 1059543"/>
                <a:gd name="connsiteX18" fmla="*/ 3599543 w 5805714"/>
                <a:gd name="connsiteY18" fmla="*/ 885371 h 1059543"/>
                <a:gd name="connsiteX19" fmla="*/ 3483428 w 5805714"/>
                <a:gd name="connsiteY19" fmla="*/ 885371 h 1059543"/>
                <a:gd name="connsiteX20" fmla="*/ 3323771 w 5805714"/>
                <a:gd name="connsiteY20" fmla="*/ 943428 h 1059543"/>
                <a:gd name="connsiteX21" fmla="*/ 3164114 w 5805714"/>
                <a:gd name="connsiteY21" fmla="*/ 914400 h 1059543"/>
                <a:gd name="connsiteX22" fmla="*/ 3077028 w 5805714"/>
                <a:gd name="connsiteY22" fmla="*/ 870857 h 1059543"/>
                <a:gd name="connsiteX23" fmla="*/ 2931886 w 5805714"/>
                <a:gd name="connsiteY23" fmla="*/ 914400 h 1059543"/>
                <a:gd name="connsiteX24" fmla="*/ 2830286 w 5805714"/>
                <a:gd name="connsiteY24" fmla="*/ 943428 h 1059543"/>
                <a:gd name="connsiteX25" fmla="*/ 2801257 w 5805714"/>
                <a:gd name="connsiteY25" fmla="*/ 1001485 h 1059543"/>
                <a:gd name="connsiteX26" fmla="*/ 2699657 w 5805714"/>
                <a:gd name="connsiteY26" fmla="*/ 1001485 h 1059543"/>
                <a:gd name="connsiteX27" fmla="*/ 2612571 w 5805714"/>
                <a:gd name="connsiteY27" fmla="*/ 943428 h 1059543"/>
                <a:gd name="connsiteX28" fmla="*/ 2554514 w 5805714"/>
                <a:gd name="connsiteY28" fmla="*/ 943428 h 1059543"/>
                <a:gd name="connsiteX29" fmla="*/ 2380343 w 5805714"/>
                <a:gd name="connsiteY29" fmla="*/ 957943 h 1059543"/>
                <a:gd name="connsiteX30" fmla="*/ 2336800 w 5805714"/>
                <a:gd name="connsiteY30" fmla="*/ 972457 h 1059543"/>
                <a:gd name="connsiteX31" fmla="*/ 2220686 w 5805714"/>
                <a:gd name="connsiteY31" fmla="*/ 1001485 h 1059543"/>
                <a:gd name="connsiteX32" fmla="*/ 2075543 w 5805714"/>
                <a:gd name="connsiteY32" fmla="*/ 972457 h 1059543"/>
                <a:gd name="connsiteX33" fmla="*/ 1944914 w 5805714"/>
                <a:gd name="connsiteY33" fmla="*/ 928914 h 1059543"/>
                <a:gd name="connsiteX34" fmla="*/ 1654628 w 5805714"/>
                <a:gd name="connsiteY34" fmla="*/ 986971 h 1059543"/>
                <a:gd name="connsiteX35" fmla="*/ 1596571 w 5805714"/>
                <a:gd name="connsiteY35" fmla="*/ 1059543 h 1059543"/>
                <a:gd name="connsiteX36" fmla="*/ 1348921 w 5805714"/>
                <a:gd name="connsiteY36" fmla="*/ 960664 h 1059543"/>
                <a:gd name="connsiteX37" fmla="*/ 1230086 w 5805714"/>
                <a:gd name="connsiteY37" fmla="*/ 986971 h 1059543"/>
                <a:gd name="connsiteX38" fmla="*/ 1127578 w 5805714"/>
                <a:gd name="connsiteY38" fmla="*/ 954314 h 1059543"/>
                <a:gd name="connsiteX39" fmla="*/ 1030514 w 5805714"/>
                <a:gd name="connsiteY39" fmla="*/ 1016000 h 1059543"/>
                <a:gd name="connsiteX40" fmla="*/ 928914 w 5805714"/>
                <a:gd name="connsiteY40" fmla="*/ 1016000 h 1059543"/>
                <a:gd name="connsiteX41" fmla="*/ 798286 w 5805714"/>
                <a:gd name="connsiteY41" fmla="*/ 943428 h 1059543"/>
                <a:gd name="connsiteX42" fmla="*/ 653143 w 5805714"/>
                <a:gd name="connsiteY42" fmla="*/ 928914 h 1059543"/>
                <a:gd name="connsiteX43" fmla="*/ 537028 w 5805714"/>
                <a:gd name="connsiteY43" fmla="*/ 957943 h 1059543"/>
                <a:gd name="connsiteX44" fmla="*/ 493486 w 5805714"/>
                <a:gd name="connsiteY44" fmla="*/ 1001485 h 1059543"/>
                <a:gd name="connsiteX45" fmla="*/ 383721 w 5805714"/>
                <a:gd name="connsiteY45" fmla="*/ 962478 h 1059543"/>
                <a:gd name="connsiteX46" fmla="*/ 319314 w 5805714"/>
                <a:gd name="connsiteY46" fmla="*/ 928914 h 1059543"/>
                <a:gd name="connsiteX47" fmla="*/ 224064 w 5805714"/>
                <a:gd name="connsiteY47" fmla="*/ 947964 h 1059543"/>
                <a:gd name="connsiteX48" fmla="*/ 0 w 5805714"/>
                <a:gd name="connsiteY48" fmla="*/ 1001485 h 10595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944914 w 5805714"/>
                <a:gd name="connsiteY33" fmla="*/ 928914 h 1034143"/>
                <a:gd name="connsiteX34" fmla="*/ 1654628 w 5805714"/>
                <a:gd name="connsiteY34" fmla="*/ 986971 h 1034143"/>
                <a:gd name="connsiteX35" fmla="*/ 1520371 w 5805714"/>
                <a:gd name="connsiteY35" fmla="*/ 1034143 h 1034143"/>
                <a:gd name="connsiteX36" fmla="*/ 1348921 w 5805714"/>
                <a:gd name="connsiteY36" fmla="*/ 960664 h 1034143"/>
                <a:gd name="connsiteX37" fmla="*/ 1230086 w 5805714"/>
                <a:gd name="connsiteY37" fmla="*/ 986971 h 1034143"/>
                <a:gd name="connsiteX38" fmla="*/ 1127578 w 5805714"/>
                <a:gd name="connsiteY38" fmla="*/ 954314 h 1034143"/>
                <a:gd name="connsiteX39" fmla="*/ 1030514 w 5805714"/>
                <a:gd name="connsiteY39" fmla="*/ 1016000 h 1034143"/>
                <a:gd name="connsiteX40" fmla="*/ 928914 w 5805714"/>
                <a:gd name="connsiteY40" fmla="*/ 1016000 h 1034143"/>
                <a:gd name="connsiteX41" fmla="*/ 798286 w 5805714"/>
                <a:gd name="connsiteY41" fmla="*/ 943428 h 1034143"/>
                <a:gd name="connsiteX42" fmla="*/ 653143 w 5805714"/>
                <a:gd name="connsiteY42" fmla="*/ 928914 h 1034143"/>
                <a:gd name="connsiteX43" fmla="*/ 537028 w 5805714"/>
                <a:gd name="connsiteY43" fmla="*/ 957943 h 1034143"/>
                <a:gd name="connsiteX44" fmla="*/ 493486 w 5805714"/>
                <a:gd name="connsiteY44" fmla="*/ 1001485 h 1034143"/>
                <a:gd name="connsiteX45" fmla="*/ 383721 w 5805714"/>
                <a:gd name="connsiteY45" fmla="*/ 962478 h 1034143"/>
                <a:gd name="connsiteX46" fmla="*/ 319314 w 5805714"/>
                <a:gd name="connsiteY46" fmla="*/ 928914 h 1034143"/>
                <a:gd name="connsiteX47" fmla="*/ 224064 w 5805714"/>
                <a:gd name="connsiteY47" fmla="*/ 947964 h 1034143"/>
                <a:gd name="connsiteX48" fmla="*/ 0 w 5805714"/>
                <a:gd name="connsiteY48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944914 w 5805714"/>
                <a:gd name="connsiteY33" fmla="*/ 928914 h 1034143"/>
                <a:gd name="connsiteX34" fmla="*/ 1778907 w 5805714"/>
                <a:gd name="connsiteY34" fmla="*/ 96066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944914 w 5805714"/>
                <a:gd name="connsiteY33" fmla="*/ 9289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944914 w 5805714"/>
                <a:gd name="connsiteY33" fmla="*/ 96066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75543 w 5805714"/>
                <a:gd name="connsiteY32" fmla="*/ 9724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220686 w 5805714"/>
                <a:gd name="connsiteY31" fmla="*/ 1001485 h 1034143"/>
                <a:gd name="connsiteX32" fmla="*/ 2012043 w 5805714"/>
                <a:gd name="connsiteY32" fmla="*/ 9978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36800 w 5805714"/>
                <a:gd name="connsiteY30" fmla="*/ 972457 h 1034143"/>
                <a:gd name="connsiteX31" fmla="*/ 2169886 w 5805714"/>
                <a:gd name="connsiteY31" fmla="*/ 982435 h 1034143"/>
                <a:gd name="connsiteX32" fmla="*/ 2012043 w 5805714"/>
                <a:gd name="connsiteY32" fmla="*/ 9978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380343 w 5805714"/>
                <a:gd name="connsiteY29" fmla="*/ 957943 h 1034143"/>
                <a:gd name="connsiteX30" fmla="*/ 2305050 w 5805714"/>
                <a:gd name="connsiteY30" fmla="*/ 1023257 h 1034143"/>
                <a:gd name="connsiteX31" fmla="*/ 2169886 w 5805714"/>
                <a:gd name="connsiteY31" fmla="*/ 982435 h 1034143"/>
                <a:gd name="connsiteX32" fmla="*/ 2012043 w 5805714"/>
                <a:gd name="connsiteY32" fmla="*/ 9978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405743 w 5805714"/>
                <a:gd name="connsiteY29" fmla="*/ 932543 h 1034143"/>
                <a:gd name="connsiteX30" fmla="*/ 2305050 w 5805714"/>
                <a:gd name="connsiteY30" fmla="*/ 1023257 h 1034143"/>
                <a:gd name="connsiteX31" fmla="*/ 2169886 w 5805714"/>
                <a:gd name="connsiteY31" fmla="*/ 982435 h 1034143"/>
                <a:gd name="connsiteX32" fmla="*/ 2012043 w 5805714"/>
                <a:gd name="connsiteY32" fmla="*/ 997857 h 1034143"/>
                <a:gd name="connsiteX33" fmla="*/ 1894114 w 5805714"/>
                <a:gd name="connsiteY33" fmla="*/ 941614 h 1034143"/>
                <a:gd name="connsiteX34" fmla="*/ 1785257 w 5805714"/>
                <a:gd name="connsiteY34" fmla="*/ 992414 h 1034143"/>
                <a:gd name="connsiteX35" fmla="*/ 1654628 w 5805714"/>
                <a:gd name="connsiteY35" fmla="*/ 986971 h 1034143"/>
                <a:gd name="connsiteX36" fmla="*/ 1520371 w 5805714"/>
                <a:gd name="connsiteY36" fmla="*/ 1034143 h 1034143"/>
                <a:gd name="connsiteX37" fmla="*/ 1348921 w 5805714"/>
                <a:gd name="connsiteY37" fmla="*/ 960664 h 1034143"/>
                <a:gd name="connsiteX38" fmla="*/ 1230086 w 5805714"/>
                <a:gd name="connsiteY38" fmla="*/ 986971 h 1034143"/>
                <a:gd name="connsiteX39" fmla="*/ 1127578 w 5805714"/>
                <a:gd name="connsiteY39" fmla="*/ 954314 h 1034143"/>
                <a:gd name="connsiteX40" fmla="*/ 1030514 w 5805714"/>
                <a:gd name="connsiteY40" fmla="*/ 1016000 h 1034143"/>
                <a:gd name="connsiteX41" fmla="*/ 928914 w 5805714"/>
                <a:gd name="connsiteY41" fmla="*/ 1016000 h 1034143"/>
                <a:gd name="connsiteX42" fmla="*/ 798286 w 5805714"/>
                <a:gd name="connsiteY42" fmla="*/ 943428 h 1034143"/>
                <a:gd name="connsiteX43" fmla="*/ 653143 w 5805714"/>
                <a:gd name="connsiteY43" fmla="*/ 928914 h 1034143"/>
                <a:gd name="connsiteX44" fmla="*/ 537028 w 5805714"/>
                <a:gd name="connsiteY44" fmla="*/ 957943 h 1034143"/>
                <a:gd name="connsiteX45" fmla="*/ 493486 w 5805714"/>
                <a:gd name="connsiteY45" fmla="*/ 1001485 h 1034143"/>
                <a:gd name="connsiteX46" fmla="*/ 383721 w 5805714"/>
                <a:gd name="connsiteY46" fmla="*/ 962478 h 1034143"/>
                <a:gd name="connsiteX47" fmla="*/ 319314 w 5805714"/>
                <a:gd name="connsiteY47" fmla="*/ 928914 h 1034143"/>
                <a:gd name="connsiteX48" fmla="*/ 224064 w 5805714"/>
                <a:gd name="connsiteY48" fmla="*/ 947964 h 1034143"/>
                <a:gd name="connsiteX49" fmla="*/ 0 w 5805714"/>
                <a:gd name="connsiteY49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509157 w 5805714"/>
                <a:gd name="connsiteY29" fmla="*/ 986064 h 1034143"/>
                <a:gd name="connsiteX30" fmla="*/ 2405743 w 5805714"/>
                <a:gd name="connsiteY30" fmla="*/ 932543 h 1034143"/>
                <a:gd name="connsiteX31" fmla="*/ 2305050 w 5805714"/>
                <a:gd name="connsiteY31" fmla="*/ 1023257 h 1034143"/>
                <a:gd name="connsiteX32" fmla="*/ 2169886 w 5805714"/>
                <a:gd name="connsiteY32" fmla="*/ 982435 h 1034143"/>
                <a:gd name="connsiteX33" fmla="*/ 2012043 w 5805714"/>
                <a:gd name="connsiteY33" fmla="*/ 997857 h 1034143"/>
                <a:gd name="connsiteX34" fmla="*/ 1894114 w 5805714"/>
                <a:gd name="connsiteY34" fmla="*/ 941614 h 1034143"/>
                <a:gd name="connsiteX35" fmla="*/ 1785257 w 5805714"/>
                <a:gd name="connsiteY35" fmla="*/ 992414 h 1034143"/>
                <a:gd name="connsiteX36" fmla="*/ 1654628 w 5805714"/>
                <a:gd name="connsiteY36" fmla="*/ 986971 h 1034143"/>
                <a:gd name="connsiteX37" fmla="*/ 1520371 w 5805714"/>
                <a:gd name="connsiteY37" fmla="*/ 1034143 h 1034143"/>
                <a:gd name="connsiteX38" fmla="*/ 1348921 w 5805714"/>
                <a:gd name="connsiteY38" fmla="*/ 960664 h 1034143"/>
                <a:gd name="connsiteX39" fmla="*/ 1230086 w 5805714"/>
                <a:gd name="connsiteY39" fmla="*/ 986971 h 1034143"/>
                <a:gd name="connsiteX40" fmla="*/ 1127578 w 5805714"/>
                <a:gd name="connsiteY40" fmla="*/ 954314 h 1034143"/>
                <a:gd name="connsiteX41" fmla="*/ 1030514 w 5805714"/>
                <a:gd name="connsiteY41" fmla="*/ 1016000 h 1034143"/>
                <a:gd name="connsiteX42" fmla="*/ 928914 w 5805714"/>
                <a:gd name="connsiteY42" fmla="*/ 1016000 h 1034143"/>
                <a:gd name="connsiteX43" fmla="*/ 798286 w 5805714"/>
                <a:gd name="connsiteY43" fmla="*/ 943428 h 1034143"/>
                <a:gd name="connsiteX44" fmla="*/ 653143 w 5805714"/>
                <a:gd name="connsiteY44" fmla="*/ 928914 h 1034143"/>
                <a:gd name="connsiteX45" fmla="*/ 537028 w 5805714"/>
                <a:gd name="connsiteY45" fmla="*/ 957943 h 1034143"/>
                <a:gd name="connsiteX46" fmla="*/ 493486 w 5805714"/>
                <a:gd name="connsiteY46" fmla="*/ 1001485 h 1034143"/>
                <a:gd name="connsiteX47" fmla="*/ 383721 w 5805714"/>
                <a:gd name="connsiteY47" fmla="*/ 962478 h 1034143"/>
                <a:gd name="connsiteX48" fmla="*/ 319314 w 5805714"/>
                <a:gd name="connsiteY48" fmla="*/ 928914 h 1034143"/>
                <a:gd name="connsiteX49" fmla="*/ 224064 w 5805714"/>
                <a:gd name="connsiteY49" fmla="*/ 947964 h 1034143"/>
                <a:gd name="connsiteX50" fmla="*/ 0 w 5805714"/>
                <a:gd name="connsiteY50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12571 w 5805714"/>
                <a:gd name="connsiteY27" fmla="*/ 943428 h 1034143"/>
                <a:gd name="connsiteX28" fmla="*/ 2554514 w 5805714"/>
                <a:gd name="connsiteY28" fmla="*/ 943428 h 1034143"/>
                <a:gd name="connsiteX29" fmla="*/ 2509157 w 5805714"/>
                <a:gd name="connsiteY29" fmla="*/ 986064 h 1034143"/>
                <a:gd name="connsiteX30" fmla="*/ 2393043 w 5805714"/>
                <a:gd name="connsiteY30" fmla="*/ 983343 h 1034143"/>
                <a:gd name="connsiteX31" fmla="*/ 2305050 w 5805714"/>
                <a:gd name="connsiteY31" fmla="*/ 1023257 h 1034143"/>
                <a:gd name="connsiteX32" fmla="*/ 2169886 w 5805714"/>
                <a:gd name="connsiteY32" fmla="*/ 982435 h 1034143"/>
                <a:gd name="connsiteX33" fmla="*/ 2012043 w 5805714"/>
                <a:gd name="connsiteY33" fmla="*/ 997857 h 1034143"/>
                <a:gd name="connsiteX34" fmla="*/ 1894114 w 5805714"/>
                <a:gd name="connsiteY34" fmla="*/ 941614 h 1034143"/>
                <a:gd name="connsiteX35" fmla="*/ 1785257 w 5805714"/>
                <a:gd name="connsiteY35" fmla="*/ 992414 h 1034143"/>
                <a:gd name="connsiteX36" fmla="*/ 1654628 w 5805714"/>
                <a:gd name="connsiteY36" fmla="*/ 986971 h 1034143"/>
                <a:gd name="connsiteX37" fmla="*/ 1520371 w 5805714"/>
                <a:gd name="connsiteY37" fmla="*/ 1034143 h 1034143"/>
                <a:gd name="connsiteX38" fmla="*/ 1348921 w 5805714"/>
                <a:gd name="connsiteY38" fmla="*/ 960664 h 1034143"/>
                <a:gd name="connsiteX39" fmla="*/ 1230086 w 5805714"/>
                <a:gd name="connsiteY39" fmla="*/ 986971 h 1034143"/>
                <a:gd name="connsiteX40" fmla="*/ 1127578 w 5805714"/>
                <a:gd name="connsiteY40" fmla="*/ 954314 h 1034143"/>
                <a:gd name="connsiteX41" fmla="*/ 1030514 w 5805714"/>
                <a:gd name="connsiteY41" fmla="*/ 1016000 h 1034143"/>
                <a:gd name="connsiteX42" fmla="*/ 928914 w 5805714"/>
                <a:gd name="connsiteY42" fmla="*/ 1016000 h 1034143"/>
                <a:gd name="connsiteX43" fmla="*/ 798286 w 5805714"/>
                <a:gd name="connsiteY43" fmla="*/ 943428 h 1034143"/>
                <a:gd name="connsiteX44" fmla="*/ 653143 w 5805714"/>
                <a:gd name="connsiteY44" fmla="*/ 928914 h 1034143"/>
                <a:gd name="connsiteX45" fmla="*/ 537028 w 5805714"/>
                <a:gd name="connsiteY45" fmla="*/ 957943 h 1034143"/>
                <a:gd name="connsiteX46" fmla="*/ 493486 w 5805714"/>
                <a:gd name="connsiteY46" fmla="*/ 1001485 h 1034143"/>
                <a:gd name="connsiteX47" fmla="*/ 383721 w 5805714"/>
                <a:gd name="connsiteY47" fmla="*/ 962478 h 1034143"/>
                <a:gd name="connsiteX48" fmla="*/ 319314 w 5805714"/>
                <a:gd name="connsiteY48" fmla="*/ 928914 h 1034143"/>
                <a:gd name="connsiteX49" fmla="*/ 224064 w 5805714"/>
                <a:gd name="connsiteY49" fmla="*/ 947964 h 1034143"/>
                <a:gd name="connsiteX50" fmla="*/ 0 w 5805714"/>
                <a:gd name="connsiteY50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31886 w 5805714"/>
                <a:gd name="connsiteY23" fmla="*/ 91440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25271 w 5805714"/>
                <a:gd name="connsiteY27" fmla="*/ 975178 h 1034143"/>
                <a:gd name="connsiteX28" fmla="*/ 2554514 w 5805714"/>
                <a:gd name="connsiteY28" fmla="*/ 943428 h 1034143"/>
                <a:gd name="connsiteX29" fmla="*/ 2509157 w 5805714"/>
                <a:gd name="connsiteY29" fmla="*/ 986064 h 1034143"/>
                <a:gd name="connsiteX30" fmla="*/ 2393043 w 5805714"/>
                <a:gd name="connsiteY30" fmla="*/ 983343 h 1034143"/>
                <a:gd name="connsiteX31" fmla="*/ 2305050 w 5805714"/>
                <a:gd name="connsiteY31" fmla="*/ 1023257 h 1034143"/>
                <a:gd name="connsiteX32" fmla="*/ 2169886 w 5805714"/>
                <a:gd name="connsiteY32" fmla="*/ 982435 h 1034143"/>
                <a:gd name="connsiteX33" fmla="*/ 2012043 w 5805714"/>
                <a:gd name="connsiteY33" fmla="*/ 997857 h 1034143"/>
                <a:gd name="connsiteX34" fmla="*/ 1894114 w 5805714"/>
                <a:gd name="connsiteY34" fmla="*/ 941614 h 1034143"/>
                <a:gd name="connsiteX35" fmla="*/ 1785257 w 5805714"/>
                <a:gd name="connsiteY35" fmla="*/ 992414 h 1034143"/>
                <a:gd name="connsiteX36" fmla="*/ 1654628 w 5805714"/>
                <a:gd name="connsiteY36" fmla="*/ 986971 h 1034143"/>
                <a:gd name="connsiteX37" fmla="*/ 1520371 w 5805714"/>
                <a:gd name="connsiteY37" fmla="*/ 1034143 h 1034143"/>
                <a:gd name="connsiteX38" fmla="*/ 1348921 w 5805714"/>
                <a:gd name="connsiteY38" fmla="*/ 960664 h 1034143"/>
                <a:gd name="connsiteX39" fmla="*/ 1230086 w 5805714"/>
                <a:gd name="connsiteY39" fmla="*/ 986971 h 1034143"/>
                <a:gd name="connsiteX40" fmla="*/ 1127578 w 5805714"/>
                <a:gd name="connsiteY40" fmla="*/ 954314 h 1034143"/>
                <a:gd name="connsiteX41" fmla="*/ 1030514 w 5805714"/>
                <a:gd name="connsiteY41" fmla="*/ 1016000 h 1034143"/>
                <a:gd name="connsiteX42" fmla="*/ 928914 w 5805714"/>
                <a:gd name="connsiteY42" fmla="*/ 1016000 h 1034143"/>
                <a:gd name="connsiteX43" fmla="*/ 798286 w 5805714"/>
                <a:gd name="connsiteY43" fmla="*/ 943428 h 1034143"/>
                <a:gd name="connsiteX44" fmla="*/ 653143 w 5805714"/>
                <a:gd name="connsiteY44" fmla="*/ 928914 h 1034143"/>
                <a:gd name="connsiteX45" fmla="*/ 537028 w 5805714"/>
                <a:gd name="connsiteY45" fmla="*/ 957943 h 1034143"/>
                <a:gd name="connsiteX46" fmla="*/ 493486 w 5805714"/>
                <a:gd name="connsiteY46" fmla="*/ 1001485 h 1034143"/>
                <a:gd name="connsiteX47" fmla="*/ 383721 w 5805714"/>
                <a:gd name="connsiteY47" fmla="*/ 962478 h 1034143"/>
                <a:gd name="connsiteX48" fmla="*/ 319314 w 5805714"/>
                <a:gd name="connsiteY48" fmla="*/ 928914 h 1034143"/>
                <a:gd name="connsiteX49" fmla="*/ 224064 w 5805714"/>
                <a:gd name="connsiteY49" fmla="*/ 947964 h 1034143"/>
                <a:gd name="connsiteX50" fmla="*/ 0 w 5805714"/>
                <a:gd name="connsiteY50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077028 w 5805714"/>
                <a:gd name="connsiteY22" fmla="*/ 870857 h 1034143"/>
                <a:gd name="connsiteX23" fmla="*/ 2982686 w 5805714"/>
                <a:gd name="connsiteY23" fmla="*/ 946150 h 1034143"/>
                <a:gd name="connsiteX24" fmla="*/ 2830286 w 5805714"/>
                <a:gd name="connsiteY24" fmla="*/ 943428 h 1034143"/>
                <a:gd name="connsiteX25" fmla="*/ 2801257 w 5805714"/>
                <a:gd name="connsiteY25" fmla="*/ 1001485 h 1034143"/>
                <a:gd name="connsiteX26" fmla="*/ 2699657 w 5805714"/>
                <a:gd name="connsiteY26" fmla="*/ 1001485 h 1034143"/>
                <a:gd name="connsiteX27" fmla="*/ 2625271 w 5805714"/>
                <a:gd name="connsiteY27" fmla="*/ 975178 h 1034143"/>
                <a:gd name="connsiteX28" fmla="*/ 2554514 w 5805714"/>
                <a:gd name="connsiteY28" fmla="*/ 943428 h 1034143"/>
                <a:gd name="connsiteX29" fmla="*/ 2509157 w 5805714"/>
                <a:gd name="connsiteY29" fmla="*/ 986064 h 1034143"/>
                <a:gd name="connsiteX30" fmla="*/ 2393043 w 5805714"/>
                <a:gd name="connsiteY30" fmla="*/ 983343 h 1034143"/>
                <a:gd name="connsiteX31" fmla="*/ 2305050 w 5805714"/>
                <a:gd name="connsiteY31" fmla="*/ 1023257 h 1034143"/>
                <a:gd name="connsiteX32" fmla="*/ 2169886 w 5805714"/>
                <a:gd name="connsiteY32" fmla="*/ 982435 h 1034143"/>
                <a:gd name="connsiteX33" fmla="*/ 2012043 w 5805714"/>
                <a:gd name="connsiteY33" fmla="*/ 997857 h 1034143"/>
                <a:gd name="connsiteX34" fmla="*/ 1894114 w 5805714"/>
                <a:gd name="connsiteY34" fmla="*/ 941614 h 1034143"/>
                <a:gd name="connsiteX35" fmla="*/ 1785257 w 5805714"/>
                <a:gd name="connsiteY35" fmla="*/ 992414 h 1034143"/>
                <a:gd name="connsiteX36" fmla="*/ 1654628 w 5805714"/>
                <a:gd name="connsiteY36" fmla="*/ 986971 h 1034143"/>
                <a:gd name="connsiteX37" fmla="*/ 1520371 w 5805714"/>
                <a:gd name="connsiteY37" fmla="*/ 1034143 h 1034143"/>
                <a:gd name="connsiteX38" fmla="*/ 1348921 w 5805714"/>
                <a:gd name="connsiteY38" fmla="*/ 960664 h 1034143"/>
                <a:gd name="connsiteX39" fmla="*/ 1230086 w 5805714"/>
                <a:gd name="connsiteY39" fmla="*/ 986971 h 1034143"/>
                <a:gd name="connsiteX40" fmla="*/ 1127578 w 5805714"/>
                <a:gd name="connsiteY40" fmla="*/ 954314 h 1034143"/>
                <a:gd name="connsiteX41" fmla="*/ 1030514 w 5805714"/>
                <a:gd name="connsiteY41" fmla="*/ 1016000 h 1034143"/>
                <a:gd name="connsiteX42" fmla="*/ 928914 w 5805714"/>
                <a:gd name="connsiteY42" fmla="*/ 1016000 h 1034143"/>
                <a:gd name="connsiteX43" fmla="*/ 798286 w 5805714"/>
                <a:gd name="connsiteY43" fmla="*/ 943428 h 1034143"/>
                <a:gd name="connsiteX44" fmla="*/ 653143 w 5805714"/>
                <a:gd name="connsiteY44" fmla="*/ 928914 h 1034143"/>
                <a:gd name="connsiteX45" fmla="*/ 537028 w 5805714"/>
                <a:gd name="connsiteY45" fmla="*/ 957943 h 1034143"/>
                <a:gd name="connsiteX46" fmla="*/ 493486 w 5805714"/>
                <a:gd name="connsiteY46" fmla="*/ 1001485 h 1034143"/>
                <a:gd name="connsiteX47" fmla="*/ 383721 w 5805714"/>
                <a:gd name="connsiteY47" fmla="*/ 962478 h 1034143"/>
                <a:gd name="connsiteX48" fmla="*/ 319314 w 5805714"/>
                <a:gd name="connsiteY48" fmla="*/ 928914 h 1034143"/>
                <a:gd name="connsiteX49" fmla="*/ 224064 w 5805714"/>
                <a:gd name="connsiteY49" fmla="*/ 947964 h 1034143"/>
                <a:gd name="connsiteX50" fmla="*/ 0 w 5805714"/>
                <a:gd name="connsiteY50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164114 w 5805714"/>
                <a:gd name="connsiteY21" fmla="*/ 914400 h 1034143"/>
                <a:gd name="connsiteX22" fmla="*/ 3125107 w 5805714"/>
                <a:gd name="connsiteY22" fmla="*/ 960664 h 1034143"/>
                <a:gd name="connsiteX23" fmla="*/ 3077028 w 5805714"/>
                <a:gd name="connsiteY23" fmla="*/ 870857 h 1034143"/>
                <a:gd name="connsiteX24" fmla="*/ 2982686 w 5805714"/>
                <a:gd name="connsiteY24" fmla="*/ 946150 h 1034143"/>
                <a:gd name="connsiteX25" fmla="*/ 2830286 w 5805714"/>
                <a:gd name="connsiteY25" fmla="*/ 943428 h 1034143"/>
                <a:gd name="connsiteX26" fmla="*/ 2801257 w 5805714"/>
                <a:gd name="connsiteY26" fmla="*/ 1001485 h 1034143"/>
                <a:gd name="connsiteX27" fmla="*/ 2699657 w 5805714"/>
                <a:gd name="connsiteY27" fmla="*/ 1001485 h 1034143"/>
                <a:gd name="connsiteX28" fmla="*/ 2625271 w 5805714"/>
                <a:gd name="connsiteY28" fmla="*/ 975178 h 1034143"/>
                <a:gd name="connsiteX29" fmla="*/ 2554514 w 5805714"/>
                <a:gd name="connsiteY29" fmla="*/ 943428 h 1034143"/>
                <a:gd name="connsiteX30" fmla="*/ 2509157 w 5805714"/>
                <a:gd name="connsiteY30" fmla="*/ 986064 h 1034143"/>
                <a:gd name="connsiteX31" fmla="*/ 2393043 w 5805714"/>
                <a:gd name="connsiteY31" fmla="*/ 983343 h 1034143"/>
                <a:gd name="connsiteX32" fmla="*/ 2305050 w 5805714"/>
                <a:gd name="connsiteY32" fmla="*/ 1023257 h 1034143"/>
                <a:gd name="connsiteX33" fmla="*/ 2169886 w 5805714"/>
                <a:gd name="connsiteY33" fmla="*/ 982435 h 1034143"/>
                <a:gd name="connsiteX34" fmla="*/ 2012043 w 5805714"/>
                <a:gd name="connsiteY34" fmla="*/ 997857 h 1034143"/>
                <a:gd name="connsiteX35" fmla="*/ 1894114 w 5805714"/>
                <a:gd name="connsiteY35" fmla="*/ 941614 h 1034143"/>
                <a:gd name="connsiteX36" fmla="*/ 1785257 w 5805714"/>
                <a:gd name="connsiteY36" fmla="*/ 992414 h 1034143"/>
                <a:gd name="connsiteX37" fmla="*/ 1654628 w 5805714"/>
                <a:gd name="connsiteY37" fmla="*/ 986971 h 1034143"/>
                <a:gd name="connsiteX38" fmla="*/ 1520371 w 5805714"/>
                <a:gd name="connsiteY38" fmla="*/ 1034143 h 1034143"/>
                <a:gd name="connsiteX39" fmla="*/ 1348921 w 5805714"/>
                <a:gd name="connsiteY39" fmla="*/ 960664 h 1034143"/>
                <a:gd name="connsiteX40" fmla="*/ 1230086 w 5805714"/>
                <a:gd name="connsiteY40" fmla="*/ 986971 h 1034143"/>
                <a:gd name="connsiteX41" fmla="*/ 1127578 w 5805714"/>
                <a:gd name="connsiteY41" fmla="*/ 954314 h 1034143"/>
                <a:gd name="connsiteX42" fmla="*/ 1030514 w 5805714"/>
                <a:gd name="connsiteY42" fmla="*/ 1016000 h 1034143"/>
                <a:gd name="connsiteX43" fmla="*/ 928914 w 5805714"/>
                <a:gd name="connsiteY43" fmla="*/ 1016000 h 1034143"/>
                <a:gd name="connsiteX44" fmla="*/ 798286 w 5805714"/>
                <a:gd name="connsiteY44" fmla="*/ 943428 h 1034143"/>
                <a:gd name="connsiteX45" fmla="*/ 653143 w 5805714"/>
                <a:gd name="connsiteY45" fmla="*/ 928914 h 1034143"/>
                <a:gd name="connsiteX46" fmla="*/ 537028 w 5805714"/>
                <a:gd name="connsiteY46" fmla="*/ 957943 h 1034143"/>
                <a:gd name="connsiteX47" fmla="*/ 493486 w 5805714"/>
                <a:gd name="connsiteY47" fmla="*/ 1001485 h 1034143"/>
                <a:gd name="connsiteX48" fmla="*/ 383721 w 5805714"/>
                <a:gd name="connsiteY48" fmla="*/ 962478 h 1034143"/>
                <a:gd name="connsiteX49" fmla="*/ 319314 w 5805714"/>
                <a:gd name="connsiteY49" fmla="*/ 928914 h 1034143"/>
                <a:gd name="connsiteX50" fmla="*/ 224064 w 5805714"/>
                <a:gd name="connsiteY50" fmla="*/ 947964 h 1034143"/>
                <a:gd name="connsiteX51" fmla="*/ 0 w 5805714"/>
                <a:gd name="connsiteY51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77028 w 5805714"/>
                <a:gd name="connsiteY24" fmla="*/ 87085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23771 w 5805714"/>
                <a:gd name="connsiteY20" fmla="*/ 9434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483428 w 5805714"/>
                <a:gd name="connsiteY19" fmla="*/ 8853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599543 w 5805714"/>
                <a:gd name="connsiteY18" fmla="*/ 8853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34971 w 5805714"/>
                <a:gd name="connsiteY15" fmla="*/ 88537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51086 w 5805714"/>
                <a:gd name="connsiteY14" fmla="*/ 856343 h 1034143"/>
                <a:gd name="connsiteX15" fmla="*/ 4047671 w 5805714"/>
                <a:gd name="connsiteY15" fmla="*/ 9425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52686 w 5805714"/>
                <a:gd name="connsiteY13" fmla="*/ 928914 h 1034143"/>
                <a:gd name="connsiteX14" fmla="*/ 4112986 w 5805714"/>
                <a:gd name="connsiteY14" fmla="*/ 881743 h 1034143"/>
                <a:gd name="connsiteX15" fmla="*/ 4047671 w 5805714"/>
                <a:gd name="connsiteY15" fmla="*/ 9425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78086 w 5805714"/>
                <a:gd name="connsiteY13" fmla="*/ 998764 h 1034143"/>
                <a:gd name="connsiteX14" fmla="*/ 4112986 w 5805714"/>
                <a:gd name="connsiteY14" fmla="*/ 881743 h 1034143"/>
                <a:gd name="connsiteX15" fmla="*/ 4047671 w 5805714"/>
                <a:gd name="connsiteY15" fmla="*/ 9425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78086 w 5805714"/>
                <a:gd name="connsiteY13" fmla="*/ 998764 h 1034143"/>
                <a:gd name="connsiteX14" fmla="*/ 4112986 w 5805714"/>
                <a:gd name="connsiteY14" fmla="*/ 88174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12343 w 5805714"/>
                <a:gd name="connsiteY12" fmla="*/ 91440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499428 w 5805714"/>
                <a:gd name="connsiteY11" fmla="*/ 856343 h 1034143"/>
                <a:gd name="connsiteX12" fmla="*/ 4431393 w 5805714"/>
                <a:gd name="connsiteY12" fmla="*/ 9588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524828 w 5805714"/>
                <a:gd name="connsiteY11" fmla="*/ 913493 h 1034143"/>
                <a:gd name="connsiteX12" fmla="*/ 4431393 w 5805714"/>
                <a:gd name="connsiteY12" fmla="*/ 9588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7771 w 5805714"/>
                <a:gd name="connsiteY8" fmla="*/ 8708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524828 w 5805714"/>
                <a:gd name="connsiteY11" fmla="*/ 913493 h 1034143"/>
                <a:gd name="connsiteX12" fmla="*/ 4405993 w 5805714"/>
                <a:gd name="connsiteY12" fmla="*/ 9461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1421 w 5805714"/>
                <a:gd name="connsiteY8" fmla="*/ 921657 h 1034143"/>
                <a:gd name="connsiteX9" fmla="*/ 4760686 w 5805714"/>
                <a:gd name="connsiteY9" fmla="*/ 943428 h 1034143"/>
                <a:gd name="connsiteX10" fmla="*/ 4644571 w 5805714"/>
                <a:gd name="connsiteY10" fmla="*/ 943428 h 1034143"/>
                <a:gd name="connsiteX11" fmla="*/ 4524828 w 5805714"/>
                <a:gd name="connsiteY11" fmla="*/ 913493 h 1034143"/>
                <a:gd name="connsiteX12" fmla="*/ 4405993 w 5805714"/>
                <a:gd name="connsiteY12" fmla="*/ 9461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5007428 w 5805714"/>
                <a:gd name="connsiteY7" fmla="*/ 957943 h 1034143"/>
                <a:gd name="connsiteX8" fmla="*/ 4841421 w 5805714"/>
                <a:gd name="connsiteY8" fmla="*/ 921657 h 1034143"/>
                <a:gd name="connsiteX9" fmla="*/ 4779736 w 5805714"/>
                <a:gd name="connsiteY9" fmla="*/ 994228 h 1034143"/>
                <a:gd name="connsiteX10" fmla="*/ 4644571 w 5805714"/>
                <a:gd name="connsiteY10" fmla="*/ 943428 h 1034143"/>
                <a:gd name="connsiteX11" fmla="*/ 4524828 w 5805714"/>
                <a:gd name="connsiteY11" fmla="*/ 913493 h 1034143"/>
                <a:gd name="connsiteX12" fmla="*/ 4405993 w 5805714"/>
                <a:gd name="connsiteY12" fmla="*/ 946150 h 1034143"/>
                <a:gd name="connsiteX13" fmla="*/ 4278086 w 5805714"/>
                <a:gd name="connsiteY13" fmla="*/ 998764 h 1034143"/>
                <a:gd name="connsiteX14" fmla="*/ 4125686 w 5805714"/>
                <a:gd name="connsiteY14" fmla="*/ 913493 h 1034143"/>
                <a:gd name="connsiteX15" fmla="*/ 4054021 w 5805714"/>
                <a:gd name="connsiteY15" fmla="*/ 993321 h 1034143"/>
                <a:gd name="connsiteX16" fmla="*/ 3889828 w 5805714"/>
                <a:gd name="connsiteY16" fmla="*/ 914400 h 1034143"/>
                <a:gd name="connsiteX17" fmla="*/ 3788228 w 5805714"/>
                <a:gd name="connsiteY17" fmla="*/ 957943 h 1034143"/>
                <a:gd name="connsiteX18" fmla="*/ 3605893 w 5805714"/>
                <a:gd name="connsiteY18" fmla="*/ 910771 h 1034143"/>
                <a:gd name="connsiteX19" fmla="*/ 3521528 w 5805714"/>
                <a:gd name="connsiteY19" fmla="*/ 961571 h 1034143"/>
                <a:gd name="connsiteX20" fmla="*/ 3387271 w 5805714"/>
                <a:gd name="connsiteY20" fmla="*/ 968828 h 1034143"/>
                <a:gd name="connsiteX21" fmla="*/ 3252107 w 5805714"/>
                <a:gd name="connsiteY21" fmla="*/ 922564 h 1034143"/>
                <a:gd name="connsiteX22" fmla="*/ 3164114 w 5805714"/>
                <a:gd name="connsiteY22" fmla="*/ 914400 h 1034143"/>
                <a:gd name="connsiteX23" fmla="*/ 3125107 w 5805714"/>
                <a:gd name="connsiteY23" fmla="*/ 960664 h 1034143"/>
                <a:gd name="connsiteX24" fmla="*/ 3045278 w 5805714"/>
                <a:gd name="connsiteY24" fmla="*/ 915307 h 1034143"/>
                <a:gd name="connsiteX25" fmla="*/ 2982686 w 5805714"/>
                <a:gd name="connsiteY25" fmla="*/ 946150 h 1034143"/>
                <a:gd name="connsiteX26" fmla="*/ 2830286 w 5805714"/>
                <a:gd name="connsiteY26" fmla="*/ 943428 h 1034143"/>
                <a:gd name="connsiteX27" fmla="*/ 2801257 w 5805714"/>
                <a:gd name="connsiteY27" fmla="*/ 1001485 h 1034143"/>
                <a:gd name="connsiteX28" fmla="*/ 2699657 w 5805714"/>
                <a:gd name="connsiteY28" fmla="*/ 1001485 h 1034143"/>
                <a:gd name="connsiteX29" fmla="*/ 2625271 w 5805714"/>
                <a:gd name="connsiteY29" fmla="*/ 975178 h 1034143"/>
                <a:gd name="connsiteX30" fmla="*/ 2554514 w 5805714"/>
                <a:gd name="connsiteY30" fmla="*/ 943428 h 1034143"/>
                <a:gd name="connsiteX31" fmla="*/ 2509157 w 5805714"/>
                <a:gd name="connsiteY31" fmla="*/ 986064 h 1034143"/>
                <a:gd name="connsiteX32" fmla="*/ 2393043 w 5805714"/>
                <a:gd name="connsiteY32" fmla="*/ 983343 h 1034143"/>
                <a:gd name="connsiteX33" fmla="*/ 2305050 w 5805714"/>
                <a:gd name="connsiteY33" fmla="*/ 1023257 h 1034143"/>
                <a:gd name="connsiteX34" fmla="*/ 2169886 w 5805714"/>
                <a:gd name="connsiteY34" fmla="*/ 982435 h 1034143"/>
                <a:gd name="connsiteX35" fmla="*/ 2012043 w 5805714"/>
                <a:gd name="connsiteY35" fmla="*/ 997857 h 1034143"/>
                <a:gd name="connsiteX36" fmla="*/ 1894114 w 5805714"/>
                <a:gd name="connsiteY36" fmla="*/ 941614 h 1034143"/>
                <a:gd name="connsiteX37" fmla="*/ 1785257 w 5805714"/>
                <a:gd name="connsiteY37" fmla="*/ 992414 h 1034143"/>
                <a:gd name="connsiteX38" fmla="*/ 1654628 w 5805714"/>
                <a:gd name="connsiteY38" fmla="*/ 986971 h 1034143"/>
                <a:gd name="connsiteX39" fmla="*/ 1520371 w 5805714"/>
                <a:gd name="connsiteY39" fmla="*/ 1034143 h 1034143"/>
                <a:gd name="connsiteX40" fmla="*/ 1348921 w 5805714"/>
                <a:gd name="connsiteY40" fmla="*/ 960664 h 1034143"/>
                <a:gd name="connsiteX41" fmla="*/ 1230086 w 5805714"/>
                <a:gd name="connsiteY41" fmla="*/ 986971 h 1034143"/>
                <a:gd name="connsiteX42" fmla="*/ 1127578 w 5805714"/>
                <a:gd name="connsiteY42" fmla="*/ 954314 h 1034143"/>
                <a:gd name="connsiteX43" fmla="*/ 1030514 w 5805714"/>
                <a:gd name="connsiteY43" fmla="*/ 1016000 h 1034143"/>
                <a:gd name="connsiteX44" fmla="*/ 928914 w 5805714"/>
                <a:gd name="connsiteY44" fmla="*/ 1016000 h 1034143"/>
                <a:gd name="connsiteX45" fmla="*/ 798286 w 5805714"/>
                <a:gd name="connsiteY45" fmla="*/ 943428 h 1034143"/>
                <a:gd name="connsiteX46" fmla="*/ 653143 w 5805714"/>
                <a:gd name="connsiteY46" fmla="*/ 928914 h 1034143"/>
                <a:gd name="connsiteX47" fmla="*/ 537028 w 5805714"/>
                <a:gd name="connsiteY47" fmla="*/ 957943 h 1034143"/>
                <a:gd name="connsiteX48" fmla="*/ 493486 w 5805714"/>
                <a:gd name="connsiteY48" fmla="*/ 1001485 h 1034143"/>
                <a:gd name="connsiteX49" fmla="*/ 383721 w 5805714"/>
                <a:gd name="connsiteY49" fmla="*/ 962478 h 1034143"/>
                <a:gd name="connsiteX50" fmla="*/ 319314 w 5805714"/>
                <a:gd name="connsiteY50" fmla="*/ 928914 h 1034143"/>
                <a:gd name="connsiteX51" fmla="*/ 224064 w 5805714"/>
                <a:gd name="connsiteY51" fmla="*/ 947964 h 1034143"/>
                <a:gd name="connsiteX52" fmla="*/ 0 w 5805714"/>
                <a:gd name="connsiteY52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09028 w 5805714"/>
                <a:gd name="connsiteY6" fmla="*/ 899885 h 1034143"/>
                <a:gd name="connsiteX7" fmla="*/ 4992007 w 5805714"/>
                <a:gd name="connsiteY7" fmla="*/ 954314 h 1034143"/>
                <a:gd name="connsiteX8" fmla="*/ 5007428 w 5805714"/>
                <a:gd name="connsiteY8" fmla="*/ 957943 h 1034143"/>
                <a:gd name="connsiteX9" fmla="*/ 4841421 w 5805714"/>
                <a:gd name="connsiteY9" fmla="*/ 921657 h 1034143"/>
                <a:gd name="connsiteX10" fmla="*/ 4779736 w 5805714"/>
                <a:gd name="connsiteY10" fmla="*/ 994228 h 1034143"/>
                <a:gd name="connsiteX11" fmla="*/ 4644571 w 5805714"/>
                <a:gd name="connsiteY11" fmla="*/ 943428 h 1034143"/>
                <a:gd name="connsiteX12" fmla="*/ 4524828 w 5805714"/>
                <a:gd name="connsiteY12" fmla="*/ 913493 h 1034143"/>
                <a:gd name="connsiteX13" fmla="*/ 4405993 w 5805714"/>
                <a:gd name="connsiteY13" fmla="*/ 946150 h 1034143"/>
                <a:gd name="connsiteX14" fmla="*/ 4278086 w 5805714"/>
                <a:gd name="connsiteY14" fmla="*/ 998764 h 1034143"/>
                <a:gd name="connsiteX15" fmla="*/ 4125686 w 5805714"/>
                <a:gd name="connsiteY15" fmla="*/ 913493 h 1034143"/>
                <a:gd name="connsiteX16" fmla="*/ 4054021 w 5805714"/>
                <a:gd name="connsiteY16" fmla="*/ 993321 h 1034143"/>
                <a:gd name="connsiteX17" fmla="*/ 3889828 w 5805714"/>
                <a:gd name="connsiteY17" fmla="*/ 914400 h 1034143"/>
                <a:gd name="connsiteX18" fmla="*/ 3788228 w 5805714"/>
                <a:gd name="connsiteY18" fmla="*/ 957943 h 1034143"/>
                <a:gd name="connsiteX19" fmla="*/ 3605893 w 5805714"/>
                <a:gd name="connsiteY19" fmla="*/ 910771 h 1034143"/>
                <a:gd name="connsiteX20" fmla="*/ 3521528 w 5805714"/>
                <a:gd name="connsiteY20" fmla="*/ 961571 h 1034143"/>
                <a:gd name="connsiteX21" fmla="*/ 3387271 w 5805714"/>
                <a:gd name="connsiteY21" fmla="*/ 968828 h 1034143"/>
                <a:gd name="connsiteX22" fmla="*/ 3252107 w 5805714"/>
                <a:gd name="connsiteY22" fmla="*/ 922564 h 1034143"/>
                <a:gd name="connsiteX23" fmla="*/ 3164114 w 5805714"/>
                <a:gd name="connsiteY23" fmla="*/ 914400 h 1034143"/>
                <a:gd name="connsiteX24" fmla="*/ 3125107 w 5805714"/>
                <a:gd name="connsiteY24" fmla="*/ 960664 h 1034143"/>
                <a:gd name="connsiteX25" fmla="*/ 3045278 w 5805714"/>
                <a:gd name="connsiteY25" fmla="*/ 915307 h 1034143"/>
                <a:gd name="connsiteX26" fmla="*/ 2982686 w 5805714"/>
                <a:gd name="connsiteY26" fmla="*/ 946150 h 1034143"/>
                <a:gd name="connsiteX27" fmla="*/ 2830286 w 5805714"/>
                <a:gd name="connsiteY27" fmla="*/ 943428 h 1034143"/>
                <a:gd name="connsiteX28" fmla="*/ 2801257 w 5805714"/>
                <a:gd name="connsiteY28" fmla="*/ 1001485 h 1034143"/>
                <a:gd name="connsiteX29" fmla="*/ 2699657 w 5805714"/>
                <a:gd name="connsiteY29" fmla="*/ 1001485 h 1034143"/>
                <a:gd name="connsiteX30" fmla="*/ 2625271 w 5805714"/>
                <a:gd name="connsiteY30" fmla="*/ 975178 h 1034143"/>
                <a:gd name="connsiteX31" fmla="*/ 2554514 w 5805714"/>
                <a:gd name="connsiteY31" fmla="*/ 943428 h 1034143"/>
                <a:gd name="connsiteX32" fmla="*/ 2509157 w 5805714"/>
                <a:gd name="connsiteY32" fmla="*/ 986064 h 1034143"/>
                <a:gd name="connsiteX33" fmla="*/ 2393043 w 5805714"/>
                <a:gd name="connsiteY33" fmla="*/ 983343 h 1034143"/>
                <a:gd name="connsiteX34" fmla="*/ 2305050 w 5805714"/>
                <a:gd name="connsiteY34" fmla="*/ 1023257 h 1034143"/>
                <a:gd name="connsiteX35" fmla="*/ 2169886 w 5805714"/>
                <a:gd name="connsiteY35" fmla="*/ 982435 h 1034143"/>
                <a:gd name="connsiteX36" fmla="*/ 2012043 w 5805714"/>
                <a:gd name="connsiteY36" fmla="*/ 997857 h 1034143"/>
                <a:gd name="connsiteX37" fmla="*/ 1894114 w 5805714"/>
                <a:gd name="connsiteY37" fmla="*/ 941614 h 1034143"/>
                <a:gd name="connsiteX38" fmla="*/ 1785257 w 5805714"/>
                <a:gd name="connsiteY38" fmla="*/ 992414 h 1034143"/>
                <a:gd name="connsiteX39" fmla="*/ 1654628 w 5805714"/>
                <a:gd name="connsiteY39" fmla="*/ 986971 h 1034143"/>
                <a:gd name="connsiteX40" fmla="*/ 1520371 w 5805714"/>
                <a:gd name="connsiteY40" fmla="*/ 1034143 h 1034143"/>
                <a:gd name="connsiteX41" fmla="*/ 1348921 w 5805714"/>
                <a:gd name="connsiteY41" fmla="*/ 960664 h 1034143"/>
                <a:gd name="connsiteX42" fmla="*/ 1230086 w 5805714"/>
                <a:gd name="connsiteY42" fmla="*/ 986971 h 1034143"/>
                <a:gd name="connsiteX43" fmla="*/ 1127578 w 5805714"/>
                <a:gd name="connsiteY43" fmla="*/ 954314 h 1034143"/>
                <a:gd name="connsiteX44" fmla="*/ 1030514 w 5805714"/>
                <a:gd name="connsiteY44" fmla="*/ 1016000 h 1034143"/>
                <a:gd name="connsiteX45" fmla="*/ 928914 w 5805714"/>
                <a:gd name="connsiteY45" fmla="*/ 1016000 h 1034143"/>
                <a:gd name="connsiteX46" fmla="*/ 798286 w 5805714"/>
                <a:gd name="connsiteY46" fmla="*/ 943428 h 1034143"/>
                <a:gd name="connsiteX47" fmla="*/ 653143 w 5805714"/>
                <a:gd name="connsiteY47" fmla="*/ 928914 h 1034143"/>
                <a:gd name="connsiteX48" fmla="*/ 537028 w 5805714"/>
                <a:gd name="connsiteY48" fmla="*/ 957943 h 1034143"/>
                <a:gd name="connsiteX49" fmla="*/ 493486 w 5805714"/>
                <a:gd name="connsiteY49" fmla="*/ 1001485 h 1034143"/>
                <a:gd name="connsiteX50" fmla="*/ 383721 w 5805714"/>
                <a:gd name="connsiteY50" fmla="*/ 962478 h 1034143"/>
                <a:gd name="connsiteX51" fmla="*/ 319314 w 5805714"/>
                <a:gd name="connsiteY51" fmla="*/ 928914 h 1034143"/>
                <a:gd name="connsiteX52" fmla="*/ 224064 w 5805714"/>
                <a:gd name="connsiteY52" fmla="*/ 947964 h 1034143"/>
                <a:gd name="connsiteX53" fmla="*/ 0 w 5805714"/>
                <a:gd name="connsiteY53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55771 w 5805714"/>
                <a:gd name="connsiteY5" fmla="*/ 914400 h 1034143"/>
                <a:gd name="connsiteX6" fmla="*/ 5147128 w 5805714"/>
                <a:gd name="connsiteY6" fmla="*/ 906235 h 1034143"/>
                <a:gd name="connsiteX7" fmla="*/ 4992007 w 5805714"/>
                <a:gd name="connsiteY7" fmla="*/ 954314 h 1034143"/>
                <a:gd name="connsiteX8" fmla="*/ 5007428 w 5805714"/>
                <a:gd name="connsiteY8" fmla="*/ 957943 h 1034143"/>
                <a:gd name="connsiteX9" fmla="*/ 4841421 w 5805714"/>
                <a:gd name="connsiteY9" fmla="*/ 921657 h 1034143"/>
                <a:gd name="connsiteX10" fmla="*/ 4779736 w 5805714"/>
                <a:gd name="connsiteY10" fmla="*/ 994228 h 1034143"/>
                <a:gd name="connsiteX11" fmla="*/ 4644571 w 5805714"/>
                <a:gd name="connsiteY11" fmla="*/ 943428 h 1034143"/>
                <a:gd name="connsiteX12" fmla="*/ 4524828 w 5805714"/>
                <a:gd name="connsiteY12" fmla="*/ 913493 h 1034143"/>
                <a:gd name="connsiteX13" fmla="*/ 4405993 w 5805714"/>
                <a:gd name="connsiteY13" fmla="*/ 946150 h 1034143"/>
                <a:gd name="connsiteX14" fmla="*/ 4278086 w 5805714"/>
                <a:gd name="connsiteY14" fmla="*/ 998764 h 1034143"/>
                <a:gd name="connsiteX15" fmla="*/ 4125686 w 5805714"/>
                <a:gd name="connsiteY15" fmla="*/ 913493 h 1034143"/>
                <a:gd name="connsiteX16" fmla="*/ 4054021 w 5805714"/>
                <a:gd name="connsiteY16" fmla="*/ 993321 h 1034143"/>
                <a:gd name="connsiteX17" fmla="*/ 3889828 w 5805714"/>
                <a:gd name="connsiteY17" fmla="*/ 914400 h 1034143"/>
                <a:gd name="connsiteX18" fmla="*/ 3788228 w 5805714"/>
                <a:gd name="connsiteY18" fmla="*/ 957943 h 1034143"/>
                <a:gd name="connsiteX19" fmla="*/ 3605893 w 5805714"/>
                <a:gd name="connsiteY19" fmla="*/ 910771 h 1034143"/>
                <a:gd name="connsiteX20" fmla="*/ 3521528 w 5805714"/>
                <a:gd name="connsiteY20" fmla="*/ 961571 h 1034143"/>
                <a:gd name="connsiteX21" fmla="*/ 3387271 w 5805714"/>
                <a:gd name="connsiteY21" fmla="*/ 968828 h 1034143"/>
                <a:gd name="connsiteX22" fmla="*/ 3252107 w 5805714"/>
                <a:gd name="connsiteY22" fmla="*/ 922564 h 1034143"/>
                <a:gd name="connsiteX23" fmla="*/ 3164114 w 5805714"/>
                <a:gd name="connsiteY23" fmla="*/ 914400 h 1034143"/>
                <a:gd name="connsiteX24" fmla="*/ 3125107 w 5805714"/>
                <a:gd name="connsiteY24" fmla="*/ 960664 h 1034143"/>
                <a:gd name="connsiteX25" fmla="*/ 3045278 w 5805714"/>
                <a:gd name="connsiteY25" fmla="*/ 915307 h 1034143"/>
                <a:gd name="connsiteX26" fmla="*/ 2982686 w 5805714"/>
                <a:gd name="connsiteY26" fmla="*/ 946150 h 1034143"/>
                <a:gd name="connsiteX27" fmla="*/ 2830286 w 5805714"/>
                <a:gd name="connsiteY27" fmla="*/ 943428 h 1034143"/>
                <a:gd name="connsiteX28" fmla="*/ 2801257 w 5805714"/>
                <a:gd name="connsiteY28" fmla="*/ 1001485 h 1034143"/>
                <a:gd name="connsiteX29" fmla="*/ 2699657 w 5805714"/>
                <a:gd name="connsiteY29" fmla="*/ 1001485 h 1034143"/>
                <a:gd name="connsiteX30" fmla="*/ 2625271 w 5805714"/>
                <a:gd name="connsiteY30" fmla="*/ 975178 h 1034143"/>
                <a:gd name="connsiteX31" fmla="*/ 2554514 w 5805714"/>
                <a:gd name="connsiteY31" fmla="*/ 943428 h 1034143"/>
                <a:gd name="connsiteX32" fmla="*/ 2509157 w 5805714"/>
                <a:gd name="connsiteY32" fmla="*/ 986064 h 1034143"/>
                <a:gd name="connsiteX33" fmla="*/ 2393043 w 5805714"/>
                <a:gd name="connsiteY33" fmla="*/ 983343 h 1034143"/>
                <a:gd name="connsiteX34" fmla="*/ 2305050 w 5805714"/>
                <a:gd name="connsiteY34" fmla="*/ 1023257 h 1034143"/>
                <a:gd name="connsiteX35" fmla="*/ 2169886 w 5805714"/>
                <a:gd name="connsiteY35" fmla="*/ 982435 h 1034143"/>
                <a:gd name="connsiteX36" fmla="*/ 2012043 w 5805714"/>
                <a:gd name="connsiteY36" fmla="*/ 997857 h 1034143"/>
                <a:gd name="connsiteX37" fmla="*/ 1894114 w 5805714"/>
                <a:gd name="connsiteY37" fmla="*/ 941614 h 1034143"/>
                <a:gd name="connsiteX38" fmla="*/ 1785257 w 5805714"/>
                <a:gd name="connsiteY38" fmla="*/ 992414 h 1034143"/>
                <a:gd name="connsiteX39" fmla="*/ 1654628 w 5805714"/>
                <a:gd name="connsiteY39" fmla="*/ 986971 h 1034143"/>
                <a:gd name="connsiteX40" fmla="*/ 1520371 w 5805714"/>
                <a:gd name="connsiteY40" fmla="*/ 1034143 h 1034143"/>
                <a:gd name="connsiteX41" fmla="*/ 1348921 w 5805714"/>
                <a:gd name="connsiteY41" fmla="*/ 960664 h 1034143"/>
                <a:gd name="connsiteX42" fmla="*/ 1230086 w 5805714"/>
                <a:gd name="connsiteY42" fmla="*/ 986971 h 1034143"/>
                <a:gd name="connsiteX43" fmla="*/ 1127578 w 5805714"/>
                <a:gd name="connsiteY43" fmla="*/ 954314 h 1034143"/>
                <a:gd name="connsiteX44" fmla="*/ 1030514 w 5805714"/>
                <a:gd name="connsiteY44" fmla="*/ 1016000 h 1034143"/>
                <a:gd name="connsiteX45" fmla="*/ 928914 w 5805714"/>
                <a:gd name="connsiteY45" fmla="*/ 1016000 h 1034143"/>
                <a:gd name="connsiteX46" fmla="*/ 798286 w 5805714"/>
                <a:gd name="connsiteY46" fmla="*/ 943428 h 1034143"/>
                <a:gd name="connsiteX47" fmla="*/ 653143 w 5805714"/>
                <a:gd name="connsiteY47" fmla="*/ 928914 h 1034143"/>
                <a:gd name="connsiteX48" fmla="*/ 537028 w 5805714"/>
                <a:gd name="connsiteY48" fmla="*/ 957943 h 1034143"/>
                <a:gd name="connsiteX49" fmla="*/ 493486 w 5805714"/>
                <a:gd name="connsiteY49" fmla="*/ 1001485 h 1034143"/>
                <a:gd name="connsiteX50" fmla="*/ 383721 w 5805714"/>
                <a:gd name="connsiteY50" fmla="*/ 962478 h 1034143"/>
                <a:gd name="connsiteX51" fmla="*/ 319314 w 5805714"/>
                <a:gd name="connsiteY51" fmla="*/ 928914 h 1034143"/>
                <a:gd name="connsiteX52" fmla="*/ 224064 w 5805714"/>
                <a:gd name="connsiteY52" fmla="*/ 947964 h 1034143"/>
                <a:gd name="connsiteX53" fmla="*/ 0 w 5805714"/>
                <a:gd name="connsiteY53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44457 w 5805714"/>
                <a:gd name="connsiteY4" fmla="*/ 885371 h 1034143"/>
                <a:gd name="connsiteX5" fmla="*/ 5324021 w 5805714"/>
                <a:gd name="connsiteY5" fmla="*/ 965200 h 1034143"/>
                <a:gd name="connsiteX6" fmla="*/ 5147128 w 5805714"/>
                <a:gd name="connsiteY6" fmla="*/ 906235 h 1034143"/>
                <a:gd name="connsiteX7" fmla="*/ 4992007 w 5805714"/>
                <a:gd name="connsiteY7" fmla="*/ 954314 h 1034143"/>
                <a:gd name="connsiteX8" fmla="*/ 5007428 w 5805714"/>
                <a:gd name="connsiteY8" fmla="*/ 957943 h 1034143"/>
                <a:gd name="connsiteX9" fmla="*/ 4841421 w 5805714"/>
                <a:gd name="connsiteY9" fmla="*/ 921657 h 1034143"/>
                <a:gd name="connsiteX10" fmla="*/ 4779736 w 5805714"/>
                <a:gd name="connsiteY10" fmla="*/ 994228 h 1034143"/>
                <a:gd name="connsiteX11" fmla="*/ 4644571 w 5805714"/>
                <a:gd name="connsiteY11" fmla="*/ 943428 h 1034143"/>
                <a:gd name="connsiteX12" fmla="*/ 4524828 w 5805714"/>
                <a:gd name="connsiteY12" fmla="*/ 913493 h 1034143"/>
                <a:gd name="connsiteX13" fmla="*/ 4405993 w 5805714"/>
                <a:gd name="connsiteY13" fmla="*/ 946150 h 1034143"/>
                <a:gd name="connsiteX14" fmla="*/ 4278086 w 5805714"/>
                <a:gd name="connsiteY14" fmla="*/ 998764 h 1034143"/>
                <a:gd name="connsiteX15" fmla="*/ 4125686 w 5805714"/>
                <a:gd name="connsiteY15" fmla="*/ 913493 h 1034143"/>
                <a:gd name="connsiteX16" fmla="*/ 4054021 w 5805714"/>
                <a:gd name="connsiteY16" fmla="*/ 993321 h 1034143"/>
                <a:gd name="connsiteX17" fmla="*/ 3889828 w 5805714"/>
                <a:gd name="connsiteY17" fmla="*/ 914400 h 1034143"/>
                <a:gd name="connsiteX18" fmla="*/ 3788228 w 5805714"/>
                <a:gd name="connsiteY18" fmla="*/ 957943 h 1034143"/>
                <a:gd name="connsiteX19" fmla="*/ 3605893 w 5805714"/>
                <a:gd name="connsiteY19" fmla="*/ 910771 h 1034143"/>
                <a:gd name="connsiteX20" fmla="*/ 3521528 w 5805714"/>
                <a:gd name="connsiteY20" fmla="*/ 961571 h 1034143"/>
                <a:gd name="connsiteX21" fmla="*/ 3387271 w 5805714"/>
                <a:gd name="connsiteY21" fmla="*/ 968828 h 1034143"/>
                <a:gd name="connsiteX22" fmla="*/ 3252107 w 5805714"/>
                <a:gd name="connsiteY22" fmla="*/ 922564 h 1034143"/>
                <a:gd name="connsiteX23" fmla="*/ 3164114 w 5805714"/>
                <a:gd name="connsiteY23" fmla="*/ 914400 h 1034143"/>
                <a:gd name="connsiteX24" fmla="*/ 3125107 w 5805714"/>
                <a:gd name="connsiteY24" fmla="*/ 960664 h 1034143"/>
                <a:gd name="connsiteX25" fmla="*/ 3045278 w 5805714"/>
                <a:gd name="connsiteY25" fmla="*/ 915307 h 1034143"/>
                <a:gd name="connsiteX26" fmla="*/ 2982686 w 5805714"/>
                <a:gd name="connsiteY26" fmla="*/ 946150 h 1034143"/>
                <a:gd name="connsiteX27" fmla="*/ 2830286 w 5805714"/>
                <a:gd name="connsiteY27" fmla="*/ 943428 h 1034143"/>
                <a:gd name="connsiteX28" fmla="*/ 2801257 w 5805714"/>
                <a:gd name="connsiteY28" fmla="*/ 1001485 h 1034143"/>
                <a:gd name="connsiteX29" fmla="*/ 2699657 w 5805714"/>
                <a:gd name="connsiteY29" fmla="*/ 1001485 h 1034143"/>
                <a:gd name="connsiteX30" fmla="*/ 2625271 w 5805714"/>
                <a:gd name="connsiteY30" fmla="*/ 975178 h 1034143"/>
                <a:gd name="connsiteX31" fmla="*/ 2554514 w 5805714"/>
                <a:gd name="connsiteY31" fmla="*/ 943428 h 1034143"/>
                <a:gd name="connsiteX32" fmla="*/ 2509157 w 5805714"/>
                <a:gd name="connsiteY32" fmla="*/ 986064 h 1034143"/>
                <a:gd name="connsiteX33" fmla="*/ 2393043 w 5805714"/>
                <a:gd name="connsiteY33" fmla="*/ 983343 h 1034143"/>
                <a:gd name="connsiteX34" fmla="*/ 2305050 w 5805714"/>
                <a:gd name="connsiteY34" fmla="*/ 1023257 h 1034143"/>
                <a:gd name="connsiteX35" fmla="*/ 2169886 w 5805714"/>
                <a:gd name="connsiteY35" fmla="*/ 982435 h 1034143"/>
                <a:gd name="connsiteX36" fmla="*/ 2012043 w 5805714"/>
                <a:gd name="connsiteY36" fmla="*/ 997857 h 1034143"/>
                <a:gd name="connsiteX37" fmla="*/ 1894114 w 5805714"/>
                <a:gd name="connsiteY37" fmla="*/ 941614 h 1034143"/>
                <a:gd name="connsiteX38" fmla="*/ 1785257 w 5805714"/>
                <a:gd name="connsiteY38" fmla="*/ 992414 h 1034143"/>
                <a:gd name="connsiteX39" fmla="*/ 1654628 w 5805714"/>
                <a:gd name="connsiteY39" fmla="*/ 986971 h 1034143"/>
                <a:gd name="connsiteX40" fmla="*/ 1520371 w 5805714"/>
                <a:gd name="connsiteY40" fmla="*/ 1034143 h 1034143"/>
                <a:gd name="connsiteX41" fmla="*/ 1348921 w 5805714"/>
                <a:gd name="connsiteY41" fmla="*/ 960664 h 1034143"/>
                <a:gd name="connsiteX42" fmla="*/ 1230086 w 5805714"/>
                <a:gd name="connsiteY42" fmla="*/ 986971 h 1034143"/>
                <a:gd name="connsiteX43" fmla="*/ 1127578 w 5805714"/>
                <a:gd name="connsiteY43" fmla="*/ 954314 h 1034143"/>
                <a:gd name="connsiteX44" fmla="*/ 1030514 w 5805714"/>
                <a:gd name="connsiteY44" fmla="*/ 1016000 h 1034143"/>
                <a:gd name="connsiteX45" fmla="*/ 928914 w 5805714"/>
                <a:gd name="connsiteY45" fmla="*/ 1016000 h 1034143"/>
                <a:gd name="connsiteX46" fmla="*/ 798286 w 5805714"/>
                <a:gd name="connsiteY46" fmla="*/ 943428 h 1034143"/>
                <a:gd name="connsiteX47" fmla="*/ 653143 w 5805714"/>
                <a:gd name="connsiteY47" fmla="*/ 928914 h 1034143"/>
                <a:gd name="connsiteX48" fmla="*/ 537028 w 5805714"/>
                <a:gd name="connsiteY48" fmla="*/ 957943 h 1034143"/>
                <a:gd name="connsiteX49" fmla="*/ 493486 w 5805714"/>
                <a:gd name="connsiteY49" fmla="*/ 1001485 h 1034143"/>
                <a:gd name="connsiteX50" fmla="*/ 383721 w 5805714"/>
                <a:gd name="connsiteY50" fmla="*/ 962478 h 1034143"/>
                <a:gd name="connsiteX51" fmla="*/ 319314 w 5805714"/>
                <a:gd name="connsiteY51" fmla="*/ 928914 h 1034143"/>
                <a:gd name="connsiteX52" fmla="*/ 224064 w 5805714"/>
                <a:gd name="connsiteY52" fmla="*/ 947964 h 1034143"/>
                <a:gd name="connsiteX53" fmla="*/ 0 w 5805714"/>
                <a:gd name="connsiteY53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493657 w 5805714"/>
                <a:gd name="connsiteY4" fmla="*/ 929821 h 1034143"/>
                <a:gd name="connsiteX5" fmla="*/ 5324021 w 5805714"/>
                <a:gd name="connsiteY5" fmla="*/ 965200 h 1034143"/>
                <a:gd name="connsiteX6" fmla="*/ 5147128 w 5805714"/>
                <a:gd name="connsiteY6" fmla="*/ 906235 h 1034143"/>
                <a:gd name="connsiteX7" fmla="*/ 4992007 w 5805714"/>
                <a:gd name="connsiteY7" fmla="*/ 954314 h 1034143"/>
                <a:gd name="connsiteX8" fmla="*/ 5007428 w 5805714"/>
                <a:gd name="connsiteY8" fmla="*/ 957943 h 1034143"/>
                <a:gd name="connsiteX9" fmla="*/ 4841421 w 5805714"/>
                <a:gd name="connsiteY9" fmla="*/ 921657 h 1034143"/>
                <a:gd name="connsiteX10" fmla="*/ 4779736 w 5805714"/>
                <a:gd name="connsiteY10" fmla="*/ 994228 h 1034143"/>
                <a:gd name="connsiteX11" fmla="*/ 4644571 w 5805714"/>
                <a:gd name="connsiteY11" fmla="*/ 943428 h 1034143"/>
                <a:gd name="connsiteX12" fmla="*/ 4524828 w 5805714"/>
                <a:gd name="connsiteY12" fmla="*/ 913493 h 1034143"/>
                <a:gd name="connsiteX13" fmla="*/ 4405993 w 5805714"/>
                <a:gd name="connsiteY13" fmla="*/ 946150 h 1034143"/>
                <a:gd name="connsiteX14" fmla="*/ 4278086 w 5805714"/>
                <a:gd name="connsiteY14" fmla="*/ 998764 h 1034143"/>
                <a:gd name="connsiteX15" fmla="*/ 4125686 w 5805714"/>
                <a:gd name="connsiteY15" fmla="*/ 913493 h 1034143"/>
                <a:gd name="connsiteX16" fmla="*/ 4054021 w 5805714"/>
                <a:gd name="connsiteY16" fmla="*/ 993321 h 1034143"/>
                <a:gd name="connsiteX17" fmla="*/ 3889828 w 5805714"/>
                <a:gd name="connsiteY17" fmla="*/ 914400 h 1034143"/>
                <a:gd name="connsiteX18" fmla="*/ 3788228 w 5805714"/>
                <a:gd name="connsiteY18" fmla="*/ 957943 h 1034143"/>
                <a:gd name="connsiteX19" fmla="*/ 3605893 w 5805714"/>
                <a:gd name="connsiteY19" fmla="*/ 910771 h 1034143"/>
                <a:gd name="connsiteX20" fmla="*/ 3521528 w 5805714"/>
                <a:gd name="connsiteY20" fmla="*/ 961571 h 1034143"/>
                <a:gd name="connsiteX21" fmla="*/ 3387271 w 5805714"/>
                <a:gd name="connsiteY21" fmla="*/ 968828 h 1034143"/>
                <a:gd name="connsiteX22" fmla="*/ 3252107 w 5805714"/>
                <a:gd name="connsiteY22" fmla="*/ 922564 h 1034143"/>
                <a:gd name="connsiteX23" fmla="*/ 3164114 w 5805714"/>
                <a:gd name="connsiteY23" fmla="*/ 914400 h 1034143"/>
                <a:gd name="connsiteX24" fmla="*/ 3125107 w 5805714"/>
                <a:gd name="connsiteY24" fmla="*/ 960664 h 1034143"/>
                <a:gd name="connsiteX25" fmla="*/ 3045278 w 5805714"/>
                <a:gd name="connsiteY25" fmla="*/ 915307 h 1034143"/>
                <a:gd name="connsiteX26" fmla="*/ 2982686 w 5805714"/>
                <a:gd name="connsiteY26" fmla="*/ 946150 h 1034143"/>
                <a:gd name="connsiteX27" fmla="*/ 2830286 w 5805714"/>
                <a:gd name="connsiteY27" fmla="*/ 943428 h 1034143"/>
                <a:gd name="connsiteX28" fmla="*/ 2801257 w 5805714"/>
                <a:gd name="connsiteY28" fmla="*/ 1001485 h 1034143"/>
                <a:gd name="connsiteX29" fmla="*/ 2699657 w 5805714"/>
                <a:gd name="connsiteY29" fmla="*/ 1001485 h 1034143"/>
                <a:gd name="connsiteX30" fmla="*/ 2625271 w 5805714"/>
                <a:gd name="connsiteY30" fmla="*/ 975178 h 1034143"/>
                <a:gd name="connsiteX31" fmla="*/ 2554514 w 5805714"/>
                <a:gd name="connsiteY31" fmla="*/ 943428 h 1034143"/>
                <a:gd name="connsiteX32" fmla="*/ 2509157 w 5805714"/>
                <a:gd name="connsiteY32" fmla="*/ 986064 h 1034143"/>
                <a:gd name="connsiteX33" fmla="*/ 2393043 w 5805714"/>
                <a:gd name="connsiteY33" fmla="*/ 983343 h 1034143"/>
                <a:gd name="connsiteX34" fmla="*/ 2305050 w 5805714"/>
                <a:gd name="connsiteY34" fmla="*/ 1023257 h 1034143"/>
                <a:gd name="connsiteX35" fmla="*/ 2169886 w 5805714"/>
                <a:gd name="connsiteY35" fmla="*/ 982435 h 1034143"/>
                <a:gd name="connsiteX36" fmla="*/ 2012043 w 5805714"/>
                <a:gd name="connsiteY36" fmla="*/ 997857 h 1034143"/>
                <a:gd name="connsiteX37" fmla="*/ 1894114 w 5805714"/>
                <a:gd name="connsiteY37" fmla="*/ 941614 h 1034143"/>
                <a:gd name="connsiteX38" fmla="*/ 1785257 w 5805714"/>
                <a:gd name="connsiteY38" fmla="*/ 992414 h 1034143"/>
                <a:gd name="connsiteX39" fmla="*/ 1654628 w 5805714"/>
                <a:gd name="connsiteY39" fmla="*/ 986971 h 1034143"/>
                <a:gd name="connsiteX40" fmla="*/ 1520371 w 5805714"/>
                <a:gd name="connsiteY40" fmla="*/ 1034143 h 1034143"/>
                <a:gd name="connsiteX41" fmla="*/ 1348921 w 5805714"/>
                <a:gd name="connsiteY41" fmla="*/ 960664 h 1034143"/>
                <a:gd name="connsiteX42" fmla="*/ 1230086 w 5805714"/>
                <a:gd name="connsiteY42" fmla="*/ 986971 h 1034143"/>
                <a:gd name="connsiteX43" fmla="*/ 1127578 w 5805714"/>
                <a:gd name="connsiteY43" fmla="*/ 954314 h 1034143"/>
                <a:gd name="connsiteX44" fmla="*/ 1030514 w 5805714"/>
                <a:gd name="connsiteY44" fmla="*/ 1016000 h 1034143"/>
                <a:gd name="connsiteX45" fmla="*/ 928914 w 5805714"/>
                <a:gd name="connsiteY45" fmla="*/ 1016000 h 1034143"/>
                <a:gd name="connsiteX46" fmla="*/ 798286 w 5805714"/>
                <a:gd name="connsiteY46" fmla="*/ 943428 h 1034143"/>
                <a:gd name="connsiteX47" fmla="*/ 653143 w 5805714"/>
                <a:gd name="connsiteY47" fmla="*/ 928914 h 1034143"/>
                <a:gd name="connsiteX48" fmla="*/ 537028 w 5805714"/>
                <a:gd name="connsiteY48" fmla="*/ 957943 h 1034143"/>
                <a:gd name="connsiteX49" fmla="*/ 493486 w 5805714"/>
                <a:gd name="connsiteY49" fmla="*/ 1001485 h 1034143"/>
                <a:gd name="connsiteX50" fmla="*/ 383721 w 5805714"/>
                <a:gd name="connsiteY50" fmla="*/ 962478 h 1034143"/>
                <a:gd name="connsiteX51" fmla="*/ 319314 w 5805714"/>
                <a:gd name="connsiteY51" fmla="*/ 928914 h 1034143"/>
                <a:gd name="connsiteX52" fmla="*/ 224064 w 5805714"/>
                <a:gd name="connsiteY52" fmla="*/ 947964 h 1034143"/>
                <a:gd name="connsiteX53" fmla="*/ 0 w 5805714"/>
                <a:gd name="connsiteY53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39707 w 5805714"/>
                <a:gd name="connsiteY4" fmla="*/ 947964 h 1034143"/>
                <a:gd name="connsiteX5" fmla="*/ 5493657 w 5805714"/>
                <a:gd name="connsiteY5" fmla="*/ 929821 h 1034143"/>
                <a:gd name="connsiteX6" fmla="*/ 5324021 w 5805714"/>
                <a:gd name="connsiteY6" fmla="*/ 965200 h 1034143"/>
                <a:gd name="connsiteX7" fmla="*/ 5147128 w 5805714"/>
                <a:gd name="connsiteY7" fmla="*/ 906235 h 1034143"/>
                <a:gd name="connsiteX8" fmla="*/ 4992007 w 5805714"/>
                <a:gd name="connsiteY8" fmla="*/ 954314 h 1034143"/>
                <a:gd name="connsiteX9" fmla="*/ 5007428 w 5805714"/>
                <a:gd name="connsiteY9" fmla="*/ 957943 h 1034143"/>
                <a:gd name="connsiteX10" fmla="*/ 4841421 w 5805714"/>
                <a:gd name="connsiteY10" fmla="*/ 921657 h 1034143"/>
                <a:gd name="connsiteX11" fmla="*/ 4779736 w 5805714"/>
                <a:gd name="connsiteY11" fmla="*/ 994228 h 1034143"/>
                <a:gd name="connsiteX12" fmla="*/ 4644571 w 5805714"/>
                <a:gd name="connsiteY12" fmla="*/ 943428 h 1034143"/>
                <a:gd name="connsiteX13" fmla="*/ 4524828 w 5805714"/>
                <a:gd name="connsiteY13" fmla="*/ 913493 h 1034143"/>
                <a:gd name="connsiteX14" fmla="*/ 4405993 w 5805714"/>
                <a:gd name="connsiteY14" fmla="*/ 946150 h 1034143"/>
                <a:gd name="connsiteX15" fmla="*/ 4278086 w 5805714"/>
                <a:gd name="connsiteY15" fmla="*/ 998764 h 1034143"/>
                <a:gd name="connsiteX16" fmla="*/ 4125686 w 5805714"/>
                <a:gd name="connsiteY16" fmla="*/ 913493 h 1034143"/>
                <a:gd name="connsiteX17" fmla="*/ 4054021 w 5805714"/>
                <a:gd name="connsiteY17" fmla="*/ 993321 h 1034143"/>
                <a:gd name="connsiteX18" fmla="*/ 3889828 w 5805714"/>
                <a:gd name="connsiteY18" fmla="*/ 914400 h 1034143"/>
                <a:gd name="connsiteX19" fmla="*/ 3788228 w 5805714"/>
                <a:gd name="connsiteY19" fmla="*/ 957943 h 1034143"/>
                <a:gd name="connsiteX20" fmla="*/ 3605893 w 5805714"/>
                <a:gd name="connsiteY20" fmla="*/ 910771 h 1034143"/>
                <a:gd name="connsiteX21" fmla="*/ 3521528 w 5805714"/>
                <a:gd name="connsiteY21" fmla="*/ 961571 h 1034143"/>
                <a:gd name="connsiteX22" fmla="*/ 3387271 w 5805714"/>
                <a:gd name="connsiteY22" fmla="*/ 968828 h 1034143"/>
                <a:gd name="connsiteX23" fmla="*/ 3252107 w 5805714"/>
                <a:gd name="connsiteY23" fmla="*/ 922564 h 1034143"/>
                <a:gd name="connsiteX24" fmla="*/ 3164114 w 5805714"/>
                <a:gd name="connsiteY24" fmla="*/ 914400 h 1034143"/>
                <a:gd name="connsiteX25" fmla="*/ 3125107 w 5805714"/>
                <a:gd name="connsiteY25" fmla="*/ 960664 h 1034143"/>
                <a:gd name="connsiteX26" fmla="*/ 3045278 w 5805714"/>
                <a:gd name="connsiteY26" fmla="*/ 915307 h 1034143"/>
                <a:gd name="connsiteX27" fmla="*/ 2982686 w 5805714"/>
                <a:gd name="connsiteY27" fmla="*/ 946150 h 1034143"/>
                <a:gd name="connsiteX28" fmla="*/ 2830286 w 5805714"/>
                <a:gd name="connsiteY28" fmla="*/ 943428 h 1034143"/>
                <a:gd name="connsiteX29" fmla="*/ 2801257 w 5805714"/>
                <a:gd name="connsiteY29" fmla="*/ 1001485 h 1034143"/>
                <a:gd name="connsiteX30" fmla="*/ 2699657 w 5805714"/>
                <a:gd name="connsiteY30" fmla="*/ 1001485 h 1034143"/>
                <a:gd name="connsiteX31" fmla="*/ 2625271 w 5805714"/>
                <a:gd name="connsiteY31" fmla="*/ 975178 h 1034143"/>
                <a:gd name="connsiteX32" fmla="*/ 2554514 w 5805714"/>
                <a:gd name="connsiteY32" fmla="*/ 943428 h 1034143"/>
                <a:gd name="connsiteX33" fmla="*/ 2509157 w 5805714"/>
                <a:gd name="connsiteY33" fmla="*/ 986064 h 1034143"/>
                <a:gd name="connsiteX34" fmla="*/ 2393043 w 5805714"/>
                <a:gd name="connsiteY34" fmla="*/ 983343 h 1034143"/>
                <a:gd name="connsiteX35" fmla="*/ 2305050 w 5805714"/>
                <a:gd name="connsiteY35" fmla="*/ 1023257 h 1034143"/>
                <a:gd name="connsiteX36" fmla="*/ 2169886 w 5805714"/>
                <a:gd name="connsiteY36" fmla="*/ 982435 h 1034143"/>
                <a:gd name="connsiteX37" fmla="*/ 2012043 w 5805714"/>
                <a:gd name="connsiteY37" fmla="*/ 997857 h 1034143"/>
                <a:gd name="connsiteX38" fmla="*/ 1894114 w 5805714"/>
                <a:gd name="connsiteY38" fmla="*/ 941614 h 1034143"/>
                <a:gd name="connsiteX39" fmla="*/ 1785257 w 5805714"/>
                <a:gd name="connsiteY39" fmla="*/ 992414 h 1034143"/>
                <a:gd name="connsiteX40" fmla="*/ 1654628 w 5805714"/>
                <a:gd name="connsiteY40" fmla="*/ 986971 h 1034143"/>
                <a:gd name="connsiteX41" fmla="*/ 1520371 w 5805714"/>
                <a:gd name="connsiteY41" fmla="*/ 1034143 h 1034143"/>
                <a:gd name="connsiteX42" fmla="*/ 1348921 w 5805714"/>
                <a:gd name="connsiteY42" fmla="*/ 960664 h 1034143"/>
                <a:gd name="connsiteX43" fmla="*/ 1230086 w 5805714"/>
                <a:gd name="connsiteY43" fmla="*/ 986971 h 1034143"/>
                <a:gd name="connsiteX44" fmla="*/ 1127578 w 5805714"/>
                <a:gd name="connsiteY44" fmla="*/ 954314 h 1034143"/>
                <a:gd name="connsiteX45" fmla="*/ 1030514 w 5805714"/>
                <a:gd name="connsiteY45" fmla="*/ 1016000 h 1034143"/>
                <a:gd name="connsiteX46" fmla="*/ 928914 w 5805714"/>
                <a:gd name="connsiteY46" fmla="*/ 1016000 h 1034143"/>
                <a:gd name="connsiteX47" fmla="*/ 798286 w 5805714"/>
                <a:gd name="connsiteY47" fmla="*/ 943428 h 1034143"/>
                <a:gd name="connsiteX48" fmla="*/ 653143 w 5805714"/>
                <a:gd name="connsiteY48" fmla="*/ 928914 h 1034143"/>
                <a:gd name="connsiteX49" fmla="*/ 537028 w 5805714"/>
                <a:gd name="connsiteY49" fmla="*/ 957943 h 1034143"/>
                <a:gd name="connsiteX50" fmla="*/ 493486 w 5805714"/>
                <a:gd name="connsiteY50" fmla="*/ 1001485 h 1034143"/>
                <a:gd name="connsiteX51" fmla="*/ 383721 w 5805714"/>
                <a:gd name="connsiteY51" fmla="*/ 962478 h 1034143"/>
                <a:gd name="connsiteX52" fmla="*/ 319314 w 5805714"/>
                <a:gd name="connsiteY52" fmla="*/ 928914 h 1034143"/>
                <a:gd name="connsiteX53" fmla="*/ 224064 w 5805714"/>
                <a:gd name="connsiteY53" fmla="*/ 947964 h 1034143"/>
                <a:gd name="connsiteX54" fmla="*/ 0 w 5805714"/>
                <a:gd name="connsiteY54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576207 w 5805714"/>
                <a:gd name="connsiteY4" fmla="*/ 967014 h 1034143"/>
                <a:gd name="connsiteX5" fmla="*/ 5493657 w 5805714"/>
                <a:gd name="connsiteY5" fmla="*/ 929821 h 1034143"/>
                <a:gd name="connsiteX6" fmla="*/ 5324021 w 5805714"/>
                <a:gd name="connsiteY6" fmla="*/ 965200 h 1034143"/>
                <a:gd name="connsiteX7" fmla="*/ 5147128 w 5805714"/>
                <a:gd name="connsiteY7" fmla="*/ 906235 h 1034143"/>
                <a:gd name="connsiteX8" fmla="*/ 4992007 w 5805714"/>
                <a:gd name="connsiteY8" fmla="*/ 954314 h 1034143"/>
                <a:gd name="connsiteX9" fmla="*/ 5007428 w 5805714"/>
                <a:gd name="connsiteY9" fmla="*/ 957943 h 1034143"/>
                <a:gd name="connsiteX10" fmla="*/ 4841421 w 5805714"/>
                <a:gd name="connsiteY10" fmla="*/ 921657 h 1034143"/>
                <a:gd name="connsiteX11" fmla="*/ 4779736 w 5805714"/>
                <a:gd name="connsiteY11" fmla="*/ 994228 h 1034143"/>
                <a:gd name="connsiteX12" fmla="*/ 4644571 w 5805714"/>
                <a:gd name="connsiteY12" fmla="*/ 943428 h 1034143"/>
                <a:gd name="connsiteX13" fmla="*/ 4524828 w 5805714"/>
                <a:gd name="connsiteY13" fmla="*/ 913493 h 1034143"/>
                <a:gd name="connsiteX14" fmla="*/ 4405993 w 5805714"/>
                <a:gd name="connsiteY14" fmla="*/ 946150 h 1034143"/>
                <a:gd name="connsiteX15" fmla="*/ 4278086 w 5805714"/>
                <a:gd name="connsiteY15" fmla="*/ 998764 h 1034143"/>
                <a:gd name="connsiteX16" fmla="*/ 4125686 w 5805714"/>
                <a:gd name="connsiteY16" fmla="*/ 913493 h 1034143"/>
                <a:gd name="connsiteX17" fmla="*/ 4054021 w 5805714"/>
                <a:gd name="connsiteY17" fmla="*/ 993321 h 1034143"/>
                <a:gd name="connsiteX18" fmla="*/ 3889828 w 5805714"/>
                <a:gd name="connsiteY18" fmla="*/ 914400 h 1034143"/>
                <a:gd name="connsiteX19" fmla="*/ 3788228 w 5805714"/>
                <a:gd name="connsiteY19" fmla="*/ 957943 h 1034143"/>
                <a:gd name="connsiteX20" fmla="*/ 3605893 w 5805714"/>
                <a:gd name="connsiteY20" fmla="*/ 910771 h 1034143"/>
                <a:gd name="connsiteX21" fmla="*/ 3521528 w 5805714"/>
                <a:gd name="connsiteY21" fmla="*/ 961571 h 1034143"/>
                <a:gd name="connsiteX22" fmla="*/ 3387271 w 5805714"/>
                <a:gd name="connsiteY22" fmla="*/ 968828 h 1034143"/>
                <a:gd name="connsiteX23" fmla="*/ 3252107 w 5805714"/>
                <a:gd name="connsiteY23" fmla="*/ 922564 h 1034143"/>
                <a:gd name="connsiteX24" fmla="*/ 3164114 w 5805714"/>
                <a:gd name="connsiteY24" fmla="*/ 914400 h 1034143"/>
                <a:gd name="connsiteX25" fmla="*/ 3125107 w 5805714"/>
                <a:gd name="connsiteY25" fmla="*/ 960664 h 1034143"/>
                <a:gd name="connsiteX26" fmla="*/ 3045278 w 5805714"/>
                <a:gd name="connsiteY26" fmla="*/ 915307 h 1034143"/>
                <a:gd name="connsiteX27" fmla="*/ 2982686 w 5805714"/>
                <a:gd name="connsiteY27" fmla="*/ 946150 h 1034143"/>
                <a:gd name="connsiteX28" fmla="*/ 2830286 w 5805714"/>
                <a:gd name="connsiteY28" fmla="*/ 943428 h 1034143"/>
                <a:gd name="connsiteX29" fmla="*/ 2801257 w 5805714"/>
                <a:gd name="connsiteY29" fmla="*/ 1001485 h 1034143"/>
                <a:gd name="connsiteX30" fmla="*/ 2699657 w 5805714"/>
                <a:gd name="connsiteY30" fmla="*/ 1001485 h 1034143"/>
                <a:gd name="connsiteX31" fmla="*/ 2625271 w 5805714"/>
                <a:gd name="connsiteY31" fmla="*/ 975178 h 1034143"/>
                <a:gd name="connsiteX32" fmla="*/ 2554514 w 5805714"/>
                <a:gd name="connsiteY32" fmla="*/ 943428 h 1034143"/>
                <a:gd name="connsiteX33" fmla="*/ 2509157 w 5805714"/>
                <a:gd name="connsiteY33" fmla="*/ 986064 h 1034143"/>
                <a:gd name="connsiteX34" fmla="*/ 2393043 w 5805714"/>
                <a:gd name="connsiteY34" fmla="*/ 983343 h 1034143"/>
                <a:gd name="connsiteX35" fmla="*/ 2305050 w 5805714"/>
                <a:gd name="connsiteY35" fmla="*/ 1023257 h 1034143"/>
                <a:gd name="connsiteX36" fmla="*/ 2169886 w 5805714"/>
                <a:gd name="connsiteY36" fmla="*/ 982435 h 1034143"/>
                <a:gd name="connsiteX37" fmla="*/ 2012043 w 5805714"/>
                <a:gd name="connsiteY37" fmla="*/ 997857 h 1034143"/>
                <a:gd name="connsiteX38" fmla="*/ 1894114 w 5805714"/>
                <a:gd name="connsiteY38" fmla="*/ 941614 h 1034143"/>
                <a:gd name="connsiteX39" fmla="*/ 1785257 w 5805714"/>
                <a:gd name="connsiteY39" fmla="*/ 992414 h 1034143"/>
                <a:gd name="connsiteX40" fmla="*/ 1654628 w 5805714"/>
                <a:gd name="connsiteY40" fmla="*/ 986971 h 1034143"/>
                <a:gd name="connsiteX41" fmla="*/ 1520371 w 5805714"/>
                <a:gd name="connsiteY41" fmla="*/ 1034143 h 1034143"/>
                <a:gd name="connsiteX42" fmla="*/ 1348921 w 5805714"/>
                <a:gd name="connsiteY42" fmla="*/ 960664 h 1034143"/>
                <a:gd name="connsiteX43" fmla="*/ 1230086 w 5805714"/>
                <a:gd name="connsiteY43" fmla="*/ 986971 h 1034143"/>
                <a:gd name="connsiteX44" fmla="*/ 1127578 w 5805714"/>
                <a:gd name="connsiteY44" fmla="*/ 954314 h 1034143"/>
                <a:gd name="connsiteX45" fmla="*/ 1030514 w 5805714"/>
                <a:gd name="connsiteY45" fmla="*/ 1016000 h 1034143"/>
                <a:gd name="connsiteX46" fmla="*/ 928914 w 5805714"/>
                <a:gd name="connsiteY46" fmla="*/ 1016000 h 1034143"/>
                <a:gd name="connsiteX47" fmla="*/ 798286 w 5805714"/>
                <a:gd name="connsiteY47" fmla="*/ 943428 h 1034143"/>
                <a:gd name="connsiteX48" fmla="*/ 653143 w 5805714"/>
                <a:gd name="connsiteY48" fmla="*/ 928914 h 1034143"/>
                <a:gd name="connsiteX49" fmla="*/ 537028 w 5805714"/>
                <a:gd name="connsiteY49" fmla="*/ 957943 h 1034143"/>
                <a:gd name="connsiteX50" fmla="*/ 493486 w 5805714"/>
                <a:gd name="connsiteY50" fmla="*/ 1001485 h 1034143"/>
                <a:gd name="connsiteX51" fmla="*/ 383721 w 5805714"/>
                <a:gd name="connsiteY51" fmla="*/ 962478 h 1034143"/>
                <a:gd name="connsiteX52" fmla="*/ 319314 w 5805714"/>
                <a:gd name="connsiteY52" fmla="*/ 928914 h 1034143"/>
                <a:gd name="connsiteX53" fmla="*/ 224064 w 5805714"/>
                <a:gd name="connsiteY53" fmla="*/ 947964 h 1034143"/>
                <a:gd name="connsiteX54" fmla="*/ 0 w 5805714"/>
                <a:gd name="connsiteY54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77807 w 5805714"/>
                <a:gd name="connsiteY4" fmla="*/ 95431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83721 w 5805714"/>
                <a:gd name="connsiteY52" fmla="*/ 962478 h 1034143"/>
                <a:gd name="connsiteX53" fmla="*/ 319314 w 5805714"/>
                <a:gd name="connsiteY53" fmla="*/ 928914 h 1034143"/>
                <a:gd name="connsiteX54" fmla="*/ 224064 w 5805714"/>
                <a:gd name="connsiteY54" fmla="*/ 94796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83721 w 5805714"/>
                <a:gd name="connsiteY52" fmla="*/ 962478 h 1034143"/>
                <a:gd name="connsiteX53" fmla="*/ 319314 w 5805714"/>
                <a:gd name="connsiteY53" fmla="*/ 928914 h 1034143"/>
                <a:gd name="connsiteX54" fmla="*/ 224064 w 5805714"/>
                <a:gd name="connsiteY54" fmla="*/ 94796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83721 w 5805714"/>
                <a:gd name="connsiteY52" fmla="*/ 962478 h 1034143"/>
                <a:gd name="connsiteX53" fmla="*/ 319314 w 5805714"/>
                <a:gd name="connsiteY53" fmla="*/ 9289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83721 w 5805714"/>
                <a:gd name="connsiteY52" fmla="*/ 962478 h 1034143"/>
                <a:gd name="connsiteX53" fmla="*/ 262164 w 5805714"/>
                <a:gd name="connsiteY53" fmla="*/ 9416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416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53143 w 5805714"/>
                <a:gd name="connsiteY49" fmla="*/ 92891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78543 w 5805714"/>
                <a:gd name="connsiteY49" fmla="*/ 947964 h 1034143"/>
                <a:gd name="connsiteX50" fmla="*/ 537028 w 5805714"/>
                <a:gd name="connsiteY50" fmla="*/ 9579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98286 w 5805714"/>
                <a:gd name="connsiteY48" fmla="*/ 943428 h 1034143"/>
                <a:gd name="connsiteX49" fmla="*/ 678543 w 5805714"/>
                <a:gd name="connsiteY49" fmla="*/ 947964 h 1034143"/>
                <a:gd name="connsiteX50" fmla="*/ 594178 w 5805714"/>
                <a:gd name="connsiteY50" fmla="*/ 9960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28914 w 5805714"/>
                <a:gd name="connsiteY47" fmla="*/ 1016000 h 1034143"/>
                <a:gd name="connsiteX48" fmla="*/ 760186 w 5805714"/>
                <a:gd name="connsiteY48" fmla="*/ 981528 h 1034143"/>
                <a:gd name="connsiteX49" fmla="*/ 678543 w 5805714"/>
                <a:gd name="connsiteY49" fmla="*/ 947964 h 1034143"/>
                <a:gd name="connsiteX50" fmla="*/ 594178 w 5805714"/>
                <a:gd name="connsiteY50" fmla="*/ 9960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4143"/>
                <a:gd name="connsiteX1" fmla="*/ 0 w 5805714"/>
                <a:gd name="connsiteY1" fmla="*/ 0 h 1034143"/>
                <a:gd name="connsiteX2" fmla="*/ 5805714 w 5805714"/>
                <a:gd name="connsiteY2" fmla="*/ 0 h 1034143"/>
                <a:gd name="connsiteX3" fmla="*/ 5805714 w 5805714"/>
                <a:gd name="connsiteY3" fmla="*/ 957943 h 1034143"/>
                <a:gd name="connsiteX4" fmla="*/ 5684157 w 5805714"/>
                <a:gd name="connsiteY4" fmla="*/ 935264 h 1034143"/>
                <a:gd name="connsiteX5" fmla="*/ 5576207 w 5805714"/>
                <a:gd name="connsiteY5" fmla="*/ 967014 h 1034143"/>
                <a:gd name="connsiteX6" fmla="*/ 5493657 w 5805714"/>
                <a:gd name="connsiteY6" fmla="*/ 929821 h 1034143"/>
                <a:gd name="connsiteX7" fmla="*/ 5324021 w 5805714"/>
                <a:gd name="connsiteY7" fmla="*/ 965200 h 1034143"/>
                <a:gd name="connsiteX8" fmla="*/ 5147128 w 5805714"/>
                <a:gd name="connsiteY8" fmla="*/ 906235 h 1034143"/>
                <a:gd name="connsiteX9" fmla="*/ 4992007 w 5805714"/>
                <a:gd name="connsiteY9" fmla="*/ 954314 h 1034143"/>
                <a:gd name="connsiteX10" fmla="*/ 5007428 w 5805714"/>
                <a:gd name="connsiteY10" fmla="*/ 957943 h 1034143"/>
                <a:gd name="connsiteX11" fmla="*/ 4841421 w 5805714"/>
                <a:gd name="connsiteY11" fmla="*/ 921657 h 1034143"/>
                <a:gd name="connsiteX12" fmla="*/ 4779736 w 5805714"/>
                <a:gd name="connsiteY12" fmla="*/ 994228 h 1034143"/>
                <a:gd name="connsiteX13" fmla="*/ 4644571 w 5805714"/>
                <a:gd name="connsiteY13" fmla="*/ 943428 h 1034143"/>
                <a:gd name="connsiteX14" fmla="*/ 4524828 w 5805714"/>
                <a:gd name="connsiteY14" fmla="*/ 913493 h 1034143"/>
                <a:gd name="connsiteX15" fmla="*/ 4405993 w 5805714"/>
                <a:gd name="connsiteY15" fmla="*/ 946150 h 1034143"/>
                <a:gd name="connsiteX16" fmla="*/ 4278086 w 5805714"/>
                <a:gd name="connsiteY16" fmla="*/ 998764 h 1034143"/>
                <a:gd name="connsiteX17" fmla="*/ 4125686 w 5805714"/>
                <a:gd name="connsiteY17" fmla="*/ 913493 h 1034143"/>
                <a:gd name="connsiteX18" fmla="*/ 4054021 w 5805714"/>
                <a:gd name="connsiteY18" fmla="*/ 993321 h 1034143"/>
                <a:gd name="connsiteX19" fmla="*/ 3889828 w 5805714"/>
                <a:gd name="connsiteY19" fmla="*/ 914400 h 1034143"/>
                <a:gd name="connsiteX20" fmla="*/ 3788228 w 5805714"/>
                <a:gd name="connsiteY20" fmla="*/ 957943 h 1034143"/>
                <a:gd name="connsiteX21" fmla="*/ 3605893 w 5805714"/>
                <a:gd name="connsiteY21" fmla="*/ 910771 h 1034143"/>
                <a:gd name="connsiteX22" fmla="*/ 3521528 w 5805714"/>
                <a:gd name="connsiteY22" fmla="*/ 961571 h 1034143"/>
                <a:gd name="connsiteX23" fmla="*/ 3387271 w 5805714"/>
                <a:gd name="connsiteY23" fmla="*/ 968828 h 1034143"/>
                <a:gd name="connsiteX24" fmla="*/ 3252107 w 5805714"/>
                <a:gd name="connsiteY24" fmla="*/ 922564 h 1034143"/>
                <a:gd name="connsiteX25" fmla="*/ 3164114 w 5805714"/>
                <a:gd name="connsiteY25" fmla="*/ 914400 h 1034143"/>
                <a:gd name="connsiteX26" fmla="*/ 3125107 w 5805714"/>
                <a:gd name="connsiteY26" fmla="*/ 960664 h 1034143"/>
                <a:gd name="connsiteX27" fmla="*/ 3045278 w 5805714"/>
                <a:gd name="connsiteY27" fmla="*/ 915307 h 1034143"/>
                <a:gd name="connsiteX28" fmla="*/ 2982686 w 5805714"/>
                <a:gd name="connsiteY28" fmla="*/ 946150 h 1034143"/>
                <a:gd name="connsiteX29" fmla="*/ 2830286 w 5805714"/>
                <a:gd name="connsiteY29" fmla="*/ 943428 h 1034143"/>
                <a:gd name="connsiteX30" fmla="*/ 2801257 w 5805714"/>
                <a:gd name="connsiteY30" fmla="*/ 1001485 h 1034143"/>
                <a:gd name="connsiteX31" fmla="*/ 2699657 w 5805714"/>
                <a:gd name="connsiteY31" fmla="*/ 1001485 h 1034143"/>
                <a:gd name="connsiteX32" fmla="*/ 2625271 w 5805714"/>
                <a:gd name="connsiteY32" fmla="*/ 975178 h 1034143"/>
                <a:gd name="connsiteX33" fmla="*/ 2554514 w 5805714"/>
                <a:gd name="connsiteY33" fmla="*/ 943428 h 1034143"/>
                <a:gd name="connsiteX34" fmla="*/ 2509157 w 5805714"/>
                <a:gd name="connsiteY34" fmla="*/ 986064 h 1034143"/>
                <a:gd name="connsiteX35" fmla="*/ 2393043 w 5805714"/>
                <a:gd name="connsiteY35" fmla="*/ 983343 h 1034143"/>
                <a:gd name="connsiteX36" fmla="*/ 2305050 w 5805714"/>
                <a:gd name="connsiteY36" fmla="*/ 1023257 h 1034143"/>
                <a:gd name="connsiteX37" fmla="*/ 2169886 w 5805714"/>
                <a:gd name="connsiteY37" fmla="*/ 982435 h 1034143"/>
                <a:gd name="connsiteX38" fmla="*/ 2012043 w 5805714"/>
                <a:gd name="connsiteY38" fmla="*/ 997857 h 1034143"/>
                <a:gd name="connsiteX39" fmla="*/ 1894114 w 5805714"/>
                <a:gd name="connsiteY39" fmla="*/ 941614 h 1034143"/>
                <a:gd name="connsiteX40" fmla="*/ 1785257 w 5805714"/>
                <a:gd name="connsiteY40" fmla="*/ 992414 h 1034143"/>
                <a:gd name="connsiteX41" fmla="*/ 1654628 w 5805714"/>
                <a:gd name="connsiteY41" fmla="*/ 986971 h 1034143"/>
                <a:gd name="connsiteX42" fmla="*/ 1520371 w 5805714"/>
                <a:gd name="connsiteY42" fmla="*/ 1034143 h 1034143"/>
                <a:gd name="connsiteX43" fmla="*/ 1348921 w 5805714"/>
                <a:gd name="connsiteY43" fmla="*/ 960664 h 1034143"/>
                <a:gd name="connsiteX44" fmla="*/ 1230086 w 5805714"/>
                <a:gd name="connsiteY44" fmla="*/ 986971 h 1034143"/>
                <a:gd name="connsiteX45" fmla="*/ 1127578 w 5805714"/>
                <a:gd name="connsiteY45" fmla="*/ 954314 h 1034143"/>
                <a:gd name="connsiteX46" fmla="*/ 1030514 w 5805714"/>
                <a:gd name="connsiteY46" fmla="*/ 1016000 h 1034143"/>
                <a:gd name="connsiteX47" fmla="*/ 903514 w 5805714"/>
                <a:gd name="connsiteY47" fmla="*/ 971550 h 1034143"/>
                <a:gd name="connsiteX48" fmla="*/ 760186 w 5805714"/>
                <a:gd name="connsiteY48" fmla="*/ 981528 h 1034143"/>
                <a:gd name="connsiteX49" fmla="*/ 678543 w 5805714"/>
                <a:gd name="connsiteY49" fmla="*/ 947964 h 1034143"/>
                <a:gd name="connsiteX50" fmla="*/ 594178 w 5805714"/>
                <a:gd name="connsiteY50" fmla="*/ 996043 h 1034143"/>
                <a:gd name="connsiteX51" fmla="*/ 493486 w 5805714"/>
                <a:gd name="connsiteY51" fmla="*/ 1001485 h 1034143"/>
                <a:gd name="connsiteX52" fmla="*/ 390071 w 5805714"/>
                <a:gd name="connsiteY52" fmla="*/ 930728 h 1034143"/>
                <a:gd name="connsiteX53" fmla="*/ 262164 w 5805714"/>
                <a:gd name="connsiteY53" fmla="*/ 979714 h 1034143"/>
                <a:gd name="connsiteX54" fmla="*/ 103414 w 5805714"/>
                <a:gd name="connsiteY54" fmla="*/ 967014 h 1034143"/>
                <a:gd name="connsiteX55" fmla="*/ 0 w 5805714"/>
                <a:gd name="connsiteY55" fmla="*/ 1001485 h 1034143"/>
                <a:gd name="connsiteX0" fmla="*/ 0 w 5805714"/>
                <a:gd name="connsiteY0" fmla="*/ 1001485 h 1035217"/>
                <a:gd name="connsiteX1" fmla="*/ 0 w 5805714"/>
                <a:gd name="connsiteY1" fmla="*/ 0 h 1035217"/>
                <a:gd name="connsiteX2" fmla="*/ 5805714 w 5805714"/>
                <a:gd name="connsiteY2" fmla="*/ 0 h 1035217"/>
                <a:gd name="connsiteX3" fmla="*/ 5805714 w 5805714"/>
                <a:gd name="connsiteY3" fmla="*/ 957943 h 1035217"/>
                <a:gd name="connsiteX4" fmla="*/ 5684157 w 5805714"/>
                <a:gd name="connsiteY4" fmla="*/ 935264 h 1035217"/>
                <a:gd name="connsiteX5" fmla="*/ 5576207 w 5805714"/>
                <a:gd name="connsiteY5" fmla="*/ 967014 h 1035217"/>
                <a:gd name="connsiteX6" fmla="*/ 5493657 w 5805714"/>
                <a:gd name="connsiteY6" fmla="*/ 929821 h 1035217"/>
                <a:gd name="connsiteX7" fmla="*/ 5324021 w 5805714"/>
                <a:gd name="connsiteY7" fmla="*/ 965200 h 1035217"/>
                <a:gd name="connsiteX8" fmla="*/ 5147128 w 5805714"/>
                <a:gd name="connsiteY8" fmla="*/ 906235 h 1035217"/>
                <a:gd name="connsiteX9" fmla="*/ 4992007 w 5805714"/>
                <a:gd name="connsiteY9" fmla="*/ 954314 h 1035217"/>
                <a:gd name="connsiteX10" fmla="*/ 5007428 w 5805714"/>
                <a:gd name="connsiteY10" fmla="*/ 957943 h 1035217"/>
                <a:gd name="connsiteX11" fmla="*/ 4841421 w 5805714"/>
                <a:gd name="connsiteY11" fmla="*/ 921657 h 1035217"/>
                <a:gd name="connsiteX12" fmla="*/ 4779736 w 5805714"/>
                <a:gd name="connsiteY12" fmla="*/ 994228 h 1035217"/>
                <a:gd name="connsiteX13" fmla="*/ 4644571 w 5805714"/>
                <a:gd name="connsiteY13" fmla="*/ 943428 h 1035217"/>
                <a:gd name="connsiteX14" fmla="*/ 4524828 w 5805714"/>
                <a:gd name="connsiteY14" fmla="*/ 913493 h 1035217"/>
                <a:gd name="connsiteX15" fmla="*/ 4405993 w 5805714"/>
                <a:gd name="connsiteY15" fmla="*/ 946150 h 1035217"/>
                <a:gd name="connsiteX16" fmla="*/ 4278086 w 5805714"/>
                <a:gd name="connsiteY16" fmla="*/ 998764 h 1035217"/>
                <a:gd name="connsiteX17" fmla="*/ 4125686 w 5805714"/>
                <a:gd name="connsiteY17" fmla="*/ 913493 h 1035217"/>
                <a:gd name="connsiteX18" fmla="*/ 4054021 w 5805714"/>
                <a:gd name="connsiteY18" fmla="*/ 993321 h 1035217"/>
                <a:gd name="connsiteX19" fmla="*/ 3889828 w 5805714"/>
                <a:gd name="connsiteY19" fmla="*/ 914400 h 1035217"/>
                <a:gd name="connsiteX20" fmla="*/ 3788228 w 5805714"/>
                <a:gd name="connsiteY20" fmla="*/ 957943 h 1035217"/>
                <a:gd name="connsiteX21" fmla="*/ 3605893 w 5805714"/>
                <a:gd name="connsiteY21" fmla="*/ 910771 h 1035217"/>
                <a:gd name="connsiteX22" fmla="*/ 3521528 w 5805714"/>
                <a:gd name="connsiteY22" fmla="*/ 961571 h 1035217"/>
                <a:gd name="connsiteX23" fmla="*/ 3387271 w 5805714"/>
                <a:gd name="connsiteY23" fmla="*/ 968828 h 1035217"/>
                <a:gd name="connsiteX24" fmla="*/ 3252107 w 5805714"/>
                <a:gd name="connsiteY24" fmla="*/ 922564 h 1035217"/>
                <a:gd name="connsiteX25" fmla="*/ 3164114 w 5805714"/>
                <a:gd name="connsiteY25" fmla="*/ 914400 h 1035217"/>
                <a:gd name="connsiteX26" fmla="*/ 3125107 w 5805714"/>
                <a:gd name="connsiteY26" fmla="*/ 960664 h 1035217"/>
                <a:gd name="connsiteX27" fmla="*/ 3045278 w 5805714"/>
                <a:gd name="connsiteY27" fmla="*/ 915307 h 1035217"/>
                <a:gd name="connsiteX28" fmla="*/ 2982686 w 5805714"/>
                <a:gd name="connsiteY28" fmla="*/ 1035050 h 1035217"/>
                <a:gd name="connsiteX29" fmla="*/ 2830286 w 5805714"/>
                <a:gd name="connsiteY29" fmla="*/ 943428 h 1035217"/>
                <a:gd name="connsiteX30" fmla="*/ 2801257 w 5805714"/>
                <a:gd name="connsiteY30" fmla="*/ 1001485 h 1035217"/>
                <a:gd name="connsiteX31" fmla="*/ 2699657 w 5805714"/>
                <a:gd name="connsiteY31" fmla="*/ 1001485 h 1035217"/>
                <a:gd name="connsiteX32" fmla="*/ 2625271 w 5805714"/>
                <a:gd name="connsiteY32" fmla="*/ 975178 h 1035217"/>
                <a:gd name="connsiteX33" fmla="*/ 2554514 w 5805714"/>
                <a:gd name="connsiteY33" fmla="*/ 943428 h 1035217"/>
                <a:gd name="connsiteX34" fmla="*/ 2509157 w 5805714"/>
                <a:gd name="connsiteY34" fmla="*/ 986064 h 1035217"/>
                <a:gd name="connsiteX35" fmla="*/ 2393043 w 5805714"/>
                <a:gd name="connsiteY35" fmla="*/ 983343 h 1035217"/>
                <a:gd name="connsiteX36" fmla="*/ 2305050 w 5805714"/>
                <a:gd name="connsiteY36" fmla="*/ 1023257 h 1035217"/>
                <a:gd name="connsiteX37" fmla="*/ 2169886 w 5805714"/>
                <a:gd name="connsiteY37" fmla="*/ 982435 h 1035217"/>
                <a:gd name="connsiteX38" fmla="*/ 2012043 w 5805714"/>
                <a:gd name="connsiteY38" fmla="*/ 997857 h 1035217"/>
                <a:gd name="connsiteX39" fmla="*/ 1894114 w 5805714"/>
                <a:gd name="connsiteY39" fmla="*/ 941614 h 1035217"/>
                <a:gd name="connsiteX40" fmla="*/ 1785257 w 5805714"/>
                <a:gd name="connsiteY40" fmla="*/ 992414 h 1035217"/>
                <a:gd name="connsiteX41" fmla="*/ 1654628 w 5805714"/>
                <a:gd name="connsiteY41" fmla="*/ 986971 h 1035217"/>
                <a:gd name="connsiteX42" fmla="*/ 1520371 w 5805714"/>
                <a:gd name="connsiteY42" fmla="*/ 1034143 h 1035217"/>
                <a:gd name="connsiteX43" fmla="*/ 1348921 w 5805714"/>
                <a:gd name="connsiteY43" fmla="*/ 960664 h 1035217"/>
                <a:gd name="connsiteX44" fmla="*/ 1230086 w 5805714"/>
                <a:gd name="connsiteY44" fmla="*/ 986971 h 1035217"/>
                <a:gd name="connsiteX45" fmla="*/ 1127578 w 5805714"/>
                <a:gd name="connsiteY45" fmla="*/ 954314 h 1035217"/>
                <a:gd name="connsiteX46" fmla="*/ 1030514 w 5805714"/>
                <a:gd name="connsiteY46" fmla="*/ 1016000 h 1035217"/>
                <a:gd name="connsiteX47" fmla="*/ 903514 w 5805714"/>
                <a:gd name="connsiteY47" fmla="*/ 971550 h 1035217"/>
                <a:gd name="connsiteX48" fmla="*/ 760186 w 5805714"/>
                <a:gd name="connsiteY48" fmla="*/ 981528 h 1035217"/>
                <a:gd name="connsiteX49" fmla="*/ 678543 w 5805714"/>
                <a:gd name="connsiteY49" fmla="*/ 947964 h 1035217"/>
                <a:gd name="connsiteX50" fmla="*/ 594178 w 5805714"/>
                <a:gd name="connsiteY50" fmla="*/ 996043 h 1035217"/>
                <a:gd name="connsiteX51" fmla="*/ 493486 w 5805714"/>
                <a:gd name="connsiteY51" fmla="*/ 1001485 h 1035217"/>
                <a:gd name="connsiteX52" fmla="*/ 390071 w 5805714"/>
                <a:gd name="connsiteY52" fmla="*/ 930728 h 1035217"/>
                <a:gd name="connsiteX53" fmla="*/ 262164 w 5805714"/>
                <a:gd name="connsiteY53" fmla="*/ 979714 h 1035217"/>
                <a:gd name="connsiteX54" fmla="*/ 103414 w 5805714"/>
                <a:gd name="connsiteY54" fmla="*/ 967014 h 1035217"/>
                <a:gd name="connsiteX55" fmla="*/ 0 w 5805714"/>
                <a:gd name="connsiteY55" fmla="*/ 1001485 h 1035217"/>
                <a:gd name="connsiteX0" fmla="*/ 0 w 5805714"/>
                <a:gd name="connsiteY0" fmla="*/ 1001485 h 1035077"/>
                <a:gd name="connsiteX1" fmla="*/ 0 w 5805714"/>
                <a:gd name="connsiteY1" fmla="*/ 0 h 1035077"/>
                <a:gd name="connsiteX2" fmla="*/ 5805714 w 5805714"/>
                <a:gd name="connsiteY2" fmla="*/ 0 h 1035077"/>
                <a:gd name="connsiteX3" fmla="*/ 5805714 w 5805714"/>
                <a:gd name="connsiteY3" fmla="*/ 957943 h 1035077"/>
                <a:gd name="connsiteX4" fmla="*/ 5684157 w 5805714"/>
                <a:gd name="connsiteY4" fmla="*/ 935264 h 1035077"/>
                <a:gd name="connsiteX5" fmla="*/ 5576207 w 5805714"/>
                <a:gd name="connsiteY5" fmla="*/ 967014 h 1035077"/>
                <a:gd name="connsiteX6" fmla="*/ 5493657 w 5805714"/>
                <a:gd name="connsiteY6" fmla="*/ 929821 h 1035077"/>
                <a:gd name="connsiteX7" fmla="*/ 5324021 w 5805714"/>
                <a:gd name="connsiteY7" fmla="*/ 965200 h 1035077"/>
                <a:gd name="connsiteX8" fmla="*/ 5147128 w 5805714"/>
                <a:gd name="connsiteY8" fmla="*/ 906235 h 1035077"/>
                <a:gd name="connsiteX9" fmla="*/ 4992007 w 5805714"/>
                <a:gd name="connsiteY9" fmla="*/ 954314 h 1035077"/>
                <a:gd name="connsiteX10" fmla="*/ 5007428 w 5805714"/>
                <a:gd name="connsiteY10" fmla="*/ 957943 h 1035077"/>
                <a:gd name="connsiteX11" fmla="*/ 4841421 w 5805714"/>
                <a:gd name="connsiteY11" fmla="*/ 921657 h 1035077"/>
                <a:gd name="connsiteX12" fmla="*/ 4779736 w 5805714"/>
                <a:gd name="connsiteY12" fmla="*/ 994228 h 1035077"/>
                <a:gd name="connsiteX13" fmla="*/ 4644571 w 5805714"/>
                <a:gd name="connsiteY13" fmla="*/ 943428 h 1035077"/>
                <a:gd name="connsiteX14" fmla="*/ 4524828 w 5805714"/>
                <a:gd name="connsiteY14" fmla="*/ 913493 h 1035077"/>
                <a:gd name="connsiteX15" fmla="*/ 4405993 w 5805714"/>
                <a:gd name="connsiteY15" fmla="*/ 946150 h 1035077"/>
                <a:gd name="connsiteX16" fmla="*/ 4278086 w 5805714"/>
                <a:gd name="connsiteY16" fmla="*/ 998764 h 1035077"/>
                <a:gd name="connsiteX17" fmla="*/ 4125686 w 5805714"/>
                <a:gd name="connsiteY17" fmla="*/ 913493 h 1035077"/>
                <a:gd name="connsiteX18" fmla="*/ 4054021 w 5805714"/>
                <a:gd name="connsiteY18" fmla="*/ 993321 h 1035077"/>
                <a:gd name="connsiteX19" fmla="*/ 3889828 w 5805714"/>
                <a:gd name="connsiteY19" fmla="*/ 914400 h 1035077"/>
                <a:gd name="connsiteX20" fmla="*/ 3788228 w 5805714"/>
                <a:gd name="connsiteY20" fmla="*/ 957943 h 1035077"/>
                <a:gd name="connsiteX21" fmla="*/ 3605893 w 5805714"/>
                <a:gd name="connsiteY21" fmla="*/ 910771 h 1035077"/>
                <a:gd name="connsiteX22" fmla="*/ 3521528 w 5805714"/>
                <a:gd name="connsiteY22" fmla="*/ 961571 h 1035077"/>
                <a:gd name="connsiteX23" fmla="*/ 3387271 w 5805714"/>
                <a:gd name="connsiteY23" fmla="*/ 968828 h 1035077"/>
                <a:gd name="connsiteX24" fmla="*/ 3252107 w 5805714"/>
                <a:gd name="connsiteY24" fmla="*/ 922564 h 1035077"/>
                <a:gd name="connsiteX25" fmla="*/ 3164114 w 5805714"/>
                <a:gd name="connsiteY25" fmla="*/ 914400 h 1035077"/>
                <a:gd name="connsiteX26" fmla="*/ 3125107 w 5805714"/>
                <a:gd name="connsiteY26" fmla="*/ 960664 h 1035077"/>
                <a:gd name="connsiteX27" fmla="*/ 3070678 w 5805714"/>
                <a:gd name="connsiteY27" fmla="*/ 953407 h 1035077"/>
                <a:gd name="connsiteX28" fmla="*/ 2982686 w 5805714"/>
                <a:gd name="connsiteY28" fmla="*/ 1035050 h 1035077"/>
                <a:gd name="connsiteX29" fmla="*/ 2830286 w 5805714"/>
                <a:gd name="connsiteY29" fmla="*/ 943428 h 1035077"/>
                <a:gd name="connsiteX30" fmla="*/ 2801257 w 5805714"/>
                <a:gd name="connsiteY30" fmla="*/ 1001485 h 1035077"/>
                <a:gd name="connsiteX31" fmla="*/ 2699657 w 5805714"/>
                <a:gd name="connsiteY31" fmla="*/ 1001485 h 1035077"/>
                <a:gd name="connsiteX32" fmla="*/ 2625271 w 5805714"/>
                <a:gd name="connsiteY32" fmla="*/ 975178 h 1035077"/>
                <a:gd name="connsiteX33" fmla="*/ 2554514 w 5805714"/>
                <a:gd name="connsiteY33" fmla="*/ 943428 h 1035077"/>
                <a:gd name="connsiteX34" fmla="*/ 2509157 w 5805714"/>
                <a:gd name="connsiteY34" fmla="*/ 986064 h 1035077"/>
                <a:gd name="connsiteX35" fmla="*/ 2393043 w 5805714"/>
                <a:gd name="connsiteY35" fmla="*/ 983343 h 1035077"/>
                <a:gd name="connsiteX36" fmla="*/ 2305050 w 5805714"/>
                <a:gd name="connsiteY36" fmla="*/ 1023257 h 1035077"/>
                <a:gd name="connsiteX37" fmla="*/ 2169886 w 5805714"/>
                <a:gd name="connsiteY37" fmla="*/ 982435 h 1035077"/>
                <a:gd name="connsiteX38" fmla="*/ 2012043 w 5805714"/>
                <a:gd name="connsiteY38" fmla="*/ 997857 h 1035077"/>
                <a:gd name="connsiteX39" fmla="*/ 1894114 w 5805714"/>
                <a:gd name="connsiteY39" fmla="*/ 941614 h 1035077"/>
                <a:gd name="connsiteX40" fmla="*/ 1785257 w 5805714"/>
                <a:gd name="connsiteY40" fmla="*/ 992414 h 1035077"/>
                <a:gd name="connsiteX41" fmla="*/ 1654628 w 5805714"/>
                <a:gd name="connsiteY41" fmla="*/ 986971 h 1035077"/>
                <a:gd name="connsiteX42" fmla="*/ 1520371 w 5805714"/>
                <a:gd name="connsiteY42" fmla="*/ 1034143 h 1035077"/>
                <a:gd name="connsiteX43" fmla="*/ 1348921 w 5805714"/>
                <a:gd name="connsiteY43" fmla="*/ 960664 h 1035077"/>
                <a:gd name="connsiteX44" fmla="*/ 1230086 w 5805714"/>
                <a:gd name="connsiteY44" fmla="*/ 986971 h 1035077"/>
                <a:gd name="connsiteX45" fmla="*/ 1127578 w 5805714"/>
                <a:gd name="connsiteY45" fmla="*/ 954314 h 1035077"/>
                <a:gd name="connsiteX46" fmla="*/ 1030514 w 5805714"/>
                <a:gd name="connsiteY46" fmla="*/ 1016000 h 1035077"/>
                <a:gd name="connsiteX47" fmla="*/ 903514 w 5805714"/>
                <a:gd name="connsiteY47" fmla="*/ 971550 h 1035077"/>
                <a:gd name="connsiteX48" fmla="*/ 760186 w 5805714"/>
                <a:gd name="connsiteY48" fmla="*/ 981528 h 1035077"/>
                <a:gd name="connsiteX49" fmla="*/ 678543 w 5805714"/>
                <a:gd name="connsiteY49" fmla="*/ 947964 h 1035077"/>
                <a:gd name="connsiteX50" fmla="*/ 594178 w 5805714"/>
                <a:gd name="connsiteY50" fmla="*/ 996043 h 1035077"/>
                <a:gd name="connsiteX51" fmla="*/ 493486 w 5805714"/>
                <a:gd name="connsiteY51" fmla="*/ 1001485 h 1035077"/>
                <a:gd name="connsiteX52" fmla="*/ 390071 w 5805714"/>
                <a:gd name="connsiteY52" fmla="*/ 930728 h 1035077"/>
                <a:gd name="connsiteX53" fmla="*/ 262164 w 5805714"/>
                <a:gd name="connsiteY53" fmla="*/ 979714 h 1035077"/>
                <a:gd name="connsiteX54" fmla="*/ 103414 w 5805714"/>
                <a:gd name="connsiteY54" fmla="*/ 967014 h 1035077"/>
                <a:gd name="connsiteX55" fmla="*/ 0 w 5805714"/>
                <a:gd name="connsiteY55" fmla="*/ 1001485 h 1035077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87271 w 5805714"/>
                <a:gd name="connsiteY23" fmla="*/ 968828 h 1035118"/>
                <a:gd name="connsiteX24" fmla="*/ 3252107 w 5805714"/>
                <a:gd name="connsiteY24" fmla="*/ 922564 h 1035118"/>
                <a:gd name="connsiteX25" fmla="*/ 3164114 w 5805714"/>
                <a:gd name="connsiteY25" fmla="*/ 914400 h 1035118"/>
                <a:gd name="connsiteX26" fmla="*/ 3125107 w 5805714"/>
                <a:gd name="connsiteY26" fmla="*/ 960664 h 1035118"/>
                <a:gd name="connsiteX27" fmla="*/ 3070678 w 5805714"/>
                <a:gd name="connsiteY27" fmla="*/ 953407 h 1035118"/>
                <a:gd name="connsiteX28" fmla="*/ 2982686 w 5805714"/>
                <a:gd name="connsiteY28" fmla="*/ 1035050 h 1035118"/>
                <a:gd name="connsiteX29" fmla="*/ 2877457 w 5805714"/>
                <a:gd name="connsiteY29" fmla="*/ 967014 h 1035118"/>
                <a:gd name="connsiteX30" fmla="*/ 2830286 w 5805714"/>
                <a:gd name="connsiteY30" fmla="*/ 943428 h 1035118"/>
                <a:gd name="connsiteX31" fmla="*/ 2801257 w 5805714"/>
                <a:gd name="connsiteY31" fmla="*/ 1001485 h 1035118"/>
                <a:gd name="connsiteX32" fmla="*/ 2699657 w 5805714"/>
                <a:gd name="connsiteY32" fmla="*/ 1001485 h 1035118"/>
                <a:gd name="connsiteX33" fmla="*/ 2625271 w 5805714"/>
                <a:gd name="connsiteY33" fmla="*/ 975178 h 1035118"/>
                <a:gd name="connsiteX34" fmla="*/ 2554514 w 5805714"/>
                <a:gd name="connsiteY34" fmla="*/ 943428 h 1035118"/>
                <a:gd name="connsiteX35" fmla="*/ 2509157 w 5805714"/>
                <a:gd name="connsiteY35" fmla="*/ 986064 h 1035118"/>
                <a:gd name="connsiteX36" fmla="*/ 2393043 w 5805714"/>
                <a:gd name="connsiteY36" fmla="*/ 983343 h 1035118"/>
                <a:gd name="connsiteX37" fmla="*/ 2305050 w 5805714"/>
                <a:gd name="connsiteY37" fmla="*/ 1023257 h 1035118"/>
                <a:gd name="connsiteX38" fmla="*/ 2169886 w 5805714"/>
                <a:gd name="connsiteY38" fmla="*/ 982435 h 1035118"/>
                <a:gd name="connsiteX39" fmla="*/ 2012043 w 5805714"/>
                <a:gd name="connsiteY39" fmla="*/ 997857 h 1035118"/>
                <a:gd name="connsiteX40" fmla="*/ 1894114 w 5805714"/>
                <a:gd name="connsiteY40" fmla="*/ 941614 h 1035118"/>
                <a:gd name="connsiteX41" fmla="*/ 1785257 w 5805714"/>
                <a:gd name="connsiteY41" fmla="*/ 992414 h 1035118"/>
                <a:gd name="connsiteX42" fmla="*/ 1654628 w 5805714"/>
                <a:gd name="connsiteY42" fmla="*/ 986971 h 1035118"/>
                <a:gd name="connsiteX43" fmla="*/ 1520371 w 5805714"/>
                <a:gd name="connsiteY43" fmla="*/ 1034143 h 1035118"/>
                <a:gd name="connsiteX44" fmla="*/ 1348921 w 5805714"/>
                <a:gd name="connsiteY44" fmla="*/ 960664 h 1035118"/>
                <a:gd name="connsiteX45" fmla="*/ 1230086 w 5805714"/>
                <a:gd name="connsiteY45" fmla="*/ 986971 h 1035118"/>
                <a:gd name="connsiteX46" fmla="*/ 1127578 w 5805714"/>
                <a:gd name="connsiteY46" fmla="*/ 954314 h 1035118"/>
                <a:gd name="connsiteX47" fmla="*/ 1030514 w 5805714"/>
                <a:gd name="connsiteY47" fmla="*/ 1016000 h 1035118"/>
                <a:gd name="connsiteX48" fmla="*/ 903514 w 5805714"/>
                <a:gd name="connsiteY48" fmla="*/ 971550 h 1035118"/>
                <a:gd name="connsiteX49" fmla="*/ 760186 w 5805714"/>
                <a:gd name="connsiteY49" fmla="*/ 981528 h 1035118"/>
                <a:gd name="connsiteX50" fmla="*/ 678543 w 5805714"/>
                <a:gd name="connsiteY50" fmla="*/ 947964 h 1035118"/>
                <a:gd name="connsiteX51" fmla="*/ 594178 w 5805714"/>
                <a:gd name="connsiteY51" fmla="*/ 996043 h 1035118"/>
                <a:gd name="connsiteX52" fmla="*/ 493486 w 5805714"/>
                <a:gd name="connsiteY52" fmla="*/ 1001485 h 1035118"/>
                <a:gd name="connsiteX53" fmla="*/ 390071 w 5805714"/>
                <a:gd name="connsiteY53" fmla="*/ 930728 h 1035118"/>
                <a:gd name="connsiteX54" fmla="*/ 262164 w 5805714"/>
                <a:gd name="connsiteY54" fmla="*/ 979714 h 1035118"/>
                <a:gd name="connsiteX55" fmla="*/ 103414 w 5805714"/>
                <a:gd name="connsiteY55" fmla="*/ 967014 h 1035118"/>
                <a:gd name="connsiteX56" fmla="*/ 0 w 5805714"/>
                <a:gd name="connsiteY56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87271 w 5805714"/>
                <a:gd name="connsiteY23" fmla="*/ 968828 h 1035118"/>
                <a:gd name="connsiteX24" fmla="*/ 3277507 w 5805714"/>
                <a:gd name="connsiteY24" fmla="*/ 967014 h 1035118"/>
                <a:gd name="connsiteX25" fmla="*/ 3164114 w 5805714"/>
                <a:gd name="connsiteY25" fmla="*/ 914400 h 1035118"/>
                <a:gd name="connsiteX26" fmla="*/ 3125107 w 5805714"/>
                <a:gd name="connsiteY26" fmla="*/ 960664 h 1035118"/>
                <a:gd name="connsiteX27" fmla="*/ 3070678 w 5805714"/>
                <a:gd name="connsiteY27" fmla="*/ 953407 h 1035118"/>
                <a:gd name="connsiteX28" fmla="*/ 2982686 w 5805714"/>
                <a:gd name="connsiteY28" fmla="*/ 1035050 h 1035118"/>
                <a:gd name="connsiteX29" fmla="*/ 2877457 w 5805714"/>
                <a:gd name="connsiteY29" fmla="*/ 967014 h 1035118"/>
                <a:gd name="connsiteX30" fmla="*/ 2830286 w 5805714"/>
                <a:gd name="connsiteY30" fmla="*/ 943428 h 1035118"/>
                <a:gd name="connsiteX31" fmla="*/ 2801257 w 5805714"/>
                <a:gd name="connsiteY31" fmla="*/ 1001485 h 1035118"/>
                <a:gd name="connsiteX32" fmla="*/ 2699657 w 5805714"/>
                <a:gd name="connsiteY32" fmla="*/ 1001485 h 1035118"/>
                <a:gd name="connsiteX33" fmla="*/ 2625271 w 5805714"/>
                <a:gd name="connsiteY33" fmla="*/ 975178 h 1035118"/>
                <a:gd name="connsiteX34" fmla="*/ 2554514 w 5805714"/>
                <a:gd name="connsiteY34" fmla="*/ 943428 h 1035118"/>
                <a:gd name="connsiteX35" fmla="*/ 2509157 w 5805714"/>
                <a:gd name="connsiteY35" fmla="*/ 986064 h 1035118"/>
                <a:gd name="connsiteX36" fmla="*/ 2393043 w 5805714"/>
                <a:gd name="connsiteY36" fmla="*/ 983343 h 1035118"/>
                <a:gd name="connsiteX37" fmla="*/ 2305050 w 5805714"/>
                <a:gd name="connsiteY37" fmla="*/ 1023257 h 1035118"/>
                <a:gd name="connsiteX38" fmla="*/ 2169886 w 5805714"/>
                <a:gd name="connsiteY38" fmla="*/ 982435 h 1035118"/>
                <a:gd name="connsiteX39" fmla="*/ 2012043 w 5805714"/>
                <a:gd name="connsiteY39" fmla="*/ 997857 h 1035118"/>
                <a:gd name="connsiteX40" fmla="*/ 1894114 w 5805714"/>
                <a:gd name="connsiteY40" fmla="*/ 941614 h 1035118"/>
                <a:gd name="connsiteX41" fmla="*/ 1785257 w 5805714"/>
                <a:gd name="connsiteY41" fmla="*/ 992414 h 1035118"/>
                <a:gd name="connsiteX42" fmla="*/ 1654628 w 5805714"/>
                <a:gd name="connsiteY42" fmla="*/ 986971 h 1035118"/>
                <a:gd name="connsiteX43" fmla="*/ 1520371 w 5805714"/>
                <a:gd name="connsiteY43" fmla="*/ 1034143 h 1035118"/>
                <a:gd name="connsiteX44" fmla="*/ 1348921 w 5805714"/>
                <a:gd name="connsiteY44" fmla="*/ 960664 h 1035118"/>
                <a:gd name="connsiteX45" fmla="*/ 1230086 w 5805714"/>
                <a:gd name="connsiteY45" fmla="*/ 986971 h 1035118"/>
                <a:gd name="connsiteX46" fmla="*/ 1127578 w 5805714"/>
                <a:gd name="connsiteY46" fmla="*/ 954314 h 1035118"/>
                <a:gd name="connsiteX47" fmla="*/ 1030514 w 5805714"/>
                <a:gd name="connsiteY47" fmla="*/ 1016000 h 1035118"/>
                <a:gd name="connsiteX48" fmla="*/ 903514 w 5805714"/>
                <a:gd name="connsiteY48" fmla="*/ 971550 h 1035118"/>
                <a:gd name="connsiteX49" fmla="*/ 760186 w 5805714"/>
                <a:gd name="connsiteY49" fmla="*/ 981528 h 1035118"/>
                <a:gd name="connsiteX50" fmla="*/ 678543 w 5805714"/>
                <a:gd name="connsiteY50" fmla="*/ 947964 h 1035118"/>
                <a:gd name="connsiteX51" fmla="*/ 594178 w 5805714"/>
                <a:gd name="connsiteY51" fmla="*/ 996043 h 1035118"/>
                <a:gd name="connsiteX52" fmla="*/ 493486 w 5805714"/>
                <a:gd name="connsiteY52" fmla="*/ 1001485 h 1035118"/>
                <a:gd name="connsiteX53" fmla="*/ 390071 w 5805714"/>
                <a:gd name="connsiteY53" fmla="*/ 930728 h 1035118"/>
                <a:gd name="connsiteX54" fmla="*/ 262164 w 5805714"/>
                <a:gd name="connsiteY54" fmla="*/ 979714 h 1035118"/>
                <a:gd name="connsiteX55" fmla="*/ 103414 w 5805714"/>
                <a:gd name="connsiteY55" fmla="*/ 967014 h 1035118"/>
                <a:gd name="connsiteX56" fmla="*/ 0 w 5805714"/>
                <a:gd name="connsiteY56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87271 w 5805714"/>
                <a:gd name="connsiteY23" fmla="*/ 968828 h 1035118"/>
                <a:gd name="connsiteX24" fmla="*/ 3277507 w 5805714"/>
                <a:gd name="connsiteY24" fmla="*/ 96701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93621 w 5805714"/>
                <a:gd name="connsiteY23" fmla="*/ 918028 h 1035118"/>
                <a:gd name="connsiteX24" fmla="*/ 3277507 w 5805714"/>
                <a:gd name="connsiteY24" fmla="*/ 96701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21528 w 5805714"/>
                <a:gd name="connsiteY22" fmla="*/ 961571 h 1035118"/>
                <a:gd name="connsiteX23" fmla="*/ 3393621 w 5805714"/>
                <a:gd name="connsiteY23" fmla="*/ 91802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52008 w 5805714"/>
                <a:gd name="connsiteY22" fmla="*/ 999671 h 1035118"/>
                <a:gd name="connsiteX23" fmla="*/ 3393621 w 5805714"/>
                <a:gd name="connsiteY23" fmla="*/ 91802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05893 w 5805714"/>
                <a:gd name="connsiteY21" fmla="*/ 9107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8228 w 5805714"/>
                <a:gd name="connsiteY20" fmla="*/ 957943 h 1035118"/>
                <a:gd name="connsiteX21" fmla="*/ 3651613 w 5805714"/>
                <a:gd name="connsiteY21" fmla="*/ 9488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89828 w 5805714"/>
                <a:gd name="connsiteY19" fmla="*/ 914400 h 1035118"/>
                <a:gd name="connsiteX20" fmla="*/ 3780608 w 5805714"/>
                <a:gd name="connsiteY20" fmla="*/ 988423 h 1035118"/>
                <a:gd name="connsiteX21" fmla="*/ 3651613 w 5805714"/>
                <a:gd name="connsiteY21" fmla="*/ 9488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125686 w 5805714"/>
                <a:gd name="connsiteY17" fmla="*/ 913493 h 1035118"/>
                <a:gd name="connsiteX18" fmla="*/ 4054021 w 5805714"/>
                <a:gd name="connsiteY18" fmla="*/ 993321 h 1035118"/>
                <a:gd name="connsiteX19" fmla="*/ 3844108 w 5805714"/>
                <a:gd name="connsiteY19" fmla="*/ 929640 h 1035118"/>
                <a:gd name="connsiteX20" fmla="*/ 3780608 w 5805714"/>
                <a:gd name="connsiteY20" fmla="*/ 988423 h 1035118"/>
                <a:gd name="connsiteX21" fmla="*/ 3651613 w 5805714"/>
                <a:gd name="connsiteY21" fmla="*/ 9488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201886 w 5805714"/>
                <a:gd name="connsiteY17" fmla="*/ 921113 h 1035118"/>
                <a:gd name="connsiteX18" fmla="*/ 4054021 w 5805714"/>
                <a:gd name="connsiteY18" fmla="*/ 993321 h 1035118"/>
                <a:gd name="connsiteX19" fmla="*/ 3844108 w 5805714"/>
                <a:gd name="connsiteY19" fmla="*/ 929640 h 1035118"/>
                <a:gd name="connsiteX20" fmla="*/ 3780608 w 5805714"/>
                <a:gd name="connsiteY20" fmla="*/ 988423 h 1035118"/>
                <a:gd name="connsiteX21" fmla="*/ 3651613 w 5805714"/>
                <a:gd name="connsiteY21" fmla="*/ 948871 h 1035118"/>
                <a:gd name="connsiteX22" fmla="*/ 3552008 w 5805714"/>
                <a:gd name="connsiteY22" fmla="*/ 999671 h 1035118"/>
                <a:gd name="connsiteX23" fmla="*/ 3401241 w 5805714"/>
                <a:gd name="connsiteY23" fmla="*/ 963748 h 1035118"/>
                <a:gd name="connsiteX24" fmla="*/ 3315607 w 5805714"/>
                <a:gd name="connsiteY24" fmla="*/ 986064 h 1035118"/>
                <a:gd name="connsiteX25" fmla="*/ 3164114 w 5805714"/>
                <a:gd name="connsiteY25" fmla="*/ 914400 h 1035118"/>
                <a:gd name="connsiteX26" fmla="*/ 3163207 w 5805714"/>
                <a:gd name="connsiteY26" fmla="*/ 992413 h 1035118"/>
                <a:gd name="connsiteX27" fmla="*/ 3125107 w 5805714"/>
                <a:gd name="connsiteY27" fmla="*/ 960664 h 1035118"/>
                <a:gd name="connsiteX28" fmla="*/ 3070678 w 5805714"/>
                <a:gd name="connsiteY28" fmla="*/ 953407 h 1035118"/>
                <a:gd name="connsiteX29" fmla="*/ 2982686 w 5805714"/>
                <a:gd name="connsiteY29" fmla="*/ 1035050 h 1035118"/>
                <a:gd name="connsiteX30" fmla="*/ 2877457 w 5805714"/>
                <a:gd name="connsiteY30" fmla="*/ 967014 h 1035118"/>
                <a:gd name="connsiteX31" fmla="*/ 2830286 w 5805714"/>
                <a:gd name="connsiteY31" fmla="*/ 943428 h 1035118"/>
                <a:gd name="connsiteX32" fmla="*/ 2801257 w 5805714"/>
                <a:gd name="connsiteY32" fmla="*/ 1001485 h 1035118"/>
                <a:gd name="connsiteX33" fmla="*/ 2699657 w 5805714"/>
                <a:gd name="connsiteY33" fmla="*/ 1001485 h 1035118"/>
                <a:gd name="connsiteX34" fmla="*/ 2625271 w 5805714"/>
                <a:gd name="connsiteY34" fmla="*/ 975178 h 1035118"/>
                <a:gd name="connsiteX35" fmla="*/ 2554514 w 5805714"/>
                <a:gd name="connsiteY35" fmla="*/ 943428 h 1035118"/>
                <a:gd name="connsiteX36" fmla="*/ 2509157 w 5805714"/>
                <a:gd name="connsiteY36" fmla="*/ 986064 h 1035118"/>
                <a:gd name="connsiteX37" fmla="*/ 2393043 w 5805714"/>
                <a:gd name="connsiteY37" fmla="*/ 983343 h 1035118"/>
                <a:gd name="connsiteX38" fmla="*/ 2305050 w 5805714"/>
                <a:gd name="connsiteY38" fmla="*/ 1023257 h 1035118"/>
                <a:gd name="connsiteX39" fmla="*/ 2169886 w 5805714"/>
                <a:gd name="connsiteY39" fmla="*/ 982435 h 1035118"/>
                <a:gd name="connsiteX40" fmla="*/ 2012043 w 5805714"/>
                <a:gd name="connsiteY40" fmla="*/ 997857 h 1035118"/>
                <a:gd name="connsiteX41" fmla="*/ 1894114 w 5805714"/>
                <a:gd name="connsiteY41" fmla="*/ 941614 h 1035118"/>
                <a:gd name="connsiteX42" fmla="*/ 1785257 w 5805714"/>
                <a:gd name="connsiteY42" fmla="*/ 992414 h 1035118"/>
                <a:gd name="connsiteX43" fmla="*/ 1654628 w 5805714"/>
                <a:gd name="connsiteY43" fmla="*/ 986971 h 1035118"/>
                <a:gd name="connsiteX44" fmla="*/ 1520371 w 5805714"/>
                <a:gd name="connsiteY44" fmla="*/ 1034143 h 1035118"/>
                <a:gd name="connsiteX45" fmla="*/ 1348921 w 5805714"/>
                <a:gd name="connsiteY45" fmla="*/ 960664 h 1035118"/>
                <a:gd name="connsiteX46" fmla="*/ 1230086 w 5805714"/>
                <a:gd name="connsiteY46" fmla="*/ 986971 h 1035118"/>
                <a:gd name="connsiteX47" fmla="*/ 1127578 w 5805714"/>
                <a:gd name="connsiteY47" fmla="*/ 954314 h 1035118"/>
                <a:gd name="connsiteX48" fmla="*/ 1030514 w 5805714"/>
                <a:gd name="connsiteY48" fmla="*/ 1016000 h 1035118"/>
                <a:gd name="connsiteX49" fmla="*/ 903514 w 5805714"/>
                <a:gd name="connsiteY49" fmla="*/ 971550 h 1035118"/>
                <a:gd name="connsiteX50" fmla="*/ 760186 w 5805714"/>
                <a:gd name="connsiteY50" fmla="*/ 981528 h 1035118"/>
                <a:gd name="connsiteX51" fmla="*/ 678543 w 5805714"/>
                <a:gd name="connsiteY51" fmla="*/ 947964 h 1035118"/>
                <a:gd name="connsiteX52" fmla="*/ 594178 w 5805714"/>
                <a:gd name="connsiteY52" fmla="*/ 996043 h 1035118"/>
                <a:gd name="connsiteX53" fmla="*/ 493486 w 5805714"/>
                <a:gd name="connsiteY53" fmla="*/ 1001485 h 1035118"/>
                <a:gd name="connsiteX54" fmla="*/ 390071 w 5805714"/>
                <a:gd name="connsiteY54" fmla="*/ 930728 h 1035118"/>
                <a:gd name="connsiteX55" fmla="*/ 262164 w 5805714"/>
                <a:gd name="connsiteY55" fmla="*/ 979714 h 1035118"/>
                <a:gd name="connsiteX56" fmla="*/ 103414 w 5805714"/>
                <a:gd name="connsiteY56" fmla="*/ 967014 h 1035118"/>
                <a:gd name="connsiteX57" fmla="*/ 0 w 5805714"/>
                <a:gd name="connsiteY57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201886 w 5805714"/>
                <a:gd name="connsiteY17" fmla="*/ 921113 h 1035118"/>
                <a:gd name="connsiteX18" fmla="*/ 4106999 w 5805714"/>
                <a:gd name="connsiteY18" fmla="*/ 9695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201886 w 5805714"/>
                <a:gd name="connsiteY17" fmla="*/ 92111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2780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07428 w 5805714"/>
                <a:gd name="connsiteY10" fmla="*/ 95794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3790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503790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4862648 w 5805714"/>
                <a:gd name="connsiteY10" fmla="*/ 102652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4992007 w 5805714"/>
                <a:gd name="connsiteY9" fmla="*/ 95431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47128 w 5805714"/>
                <a:gd name="connsiteY8" fmla="*/ 9062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24021 w 5805714"/>
                <a:gd name="connsiteY7" fmla="*/ 965200 h 1035118"/>
                <a:gd name="connsiteX8" fmla="*/ 5154748 w 5805714"/>
                <a:gd name="connsiteY8" fmla="*/ 9443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76207 w 5805714"/>
                <a:gd name="connsiteY5" fmla="*/ 967014 h 1035118"/>
                <a:gd name="connsiteX6" fmla="*/ 5493657 w 5805714"/>
                <a:gd name="connsiteY6" fmla="*/ 929821 h 1035118"/>
                <a:gd name="connsiteX7" fmla="*/ 5316401 w 5805714"/>
                <a:gd name="connsiteY7" fmla="*/ 1003300 h 1035118"/>
                <a:gd name="connsiteX8" fmla="*/ 5154748 w 5805714"/>
                <a:gd name="connsiteY8" fmla="*/ 9443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99067 w 5805714"/>
                <a:gd name="connsiteY5" fmla="*/ 989874 h 1035118"/>
                <a:gd name="connsiteX6" fmla="*/ 5493657 w 5805714"/>
                <a:gd name="connsiteY6" fmla="*/ 929821 h 1035118"/>
                <a:gd name="connsiteX7" fmla="*/ 5316401 w 5805714"/>
                <a:gd name="connsiteY7" fmla="*/ 1003300 h 1035118"/>
                <a:gd name="connsiteX8" fmla="*/ 5154748 w 5805714"/>
                <a:gd name="connsiteY8" fmla="*/ 9443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05714"/>
                <a:gd name="connsiteY0" fmla="*/ 1001485 h 1035118"/>
                <a:gd name="connsiteX1" fmla="*/ 0 w 5805714"/>
                <a:gd name="connsiteY1" fmla="*/ 0 h 1035118"/>
                <a:gd name="connsiteX2" fmla="*/ 5805714 w 5805714"/>
                <a:gd name="connsiteY2" fmla="*/ 0 h 1035118"/>
                <a:gd name="connsiteX3" fmla="*/ 5805714 w 5805714"/>
                <a:gd name="connsiteY3" fmla="*/ 957943 h 1035118"/>
                <a:gd name="connsiteX4" fmla="*/ 5684157 w 5805714"/>
                <a:gd name="connsiteY4" fmla="*/ 935264 h 1035118"/>
                <a:gd name="connsiteX5" fmla="*/ 5599067 w 5805714"/>
                <a:gd name="connsiteY5" fmla="*/ 989874 h 1035118"/>
                <a:gd name="connsiteX6" fmla="*/ 5463177 w 5805714"/>
                <a:gd name="connsiteY6" fmla="*/ 952681 h 1035118"/>
                <a:gd name="connsiteX7" fmla="*/ 5316401 w 5805714"/>
                <a:gd name="connsiteY7" fmla="*/ 1003300 h 1035118"/>
                <a:gd name="connsiteX8" fmla="*/ 5154748 w 5805714"/>
                <a:gd name="connsiteY8" fmla="*/ 944335 h 1035118"/>
                <a:gd name="connsiteX9" fmla="*/ 5030107 w 5805714"/>
                <a:gd name="connsiteY9" fmla="*/ 977174 h 1035118"/>
                <a:gd name="connsiteX10" fmla="*/ 4915988 w 5805714"/>
                <a:gd name="connsiteY10" fmla="*/ 1011283 h 1035118"/>
                <a:gd name="connsiteX11" fmla="*/ 4841421 w 5805714"/>
                <a:gd name="connsiteY11" fmla="*/ 921657 h 1035118"/>
                <a:gd name="connsiteX12" fmla="*/ 4779736 w 5805714"/>
                <a:gd name="connsiteY12" fmla="*/ 994228 h 1035118"/>
                <a:gd name="connsiteX13" fmla="*/ 4644571 w 5805714"/>
                <a:gd name="connsiteY13" fmla="*/ 943428 h 1035118"/>
                <a:gd name="connsiteX14" fmla="*/ 4524828 w 5805714"/>
                <a:gd name="connsiteY14" fmla="*/ 913493 h 1035118"/>
                <a:gd name="connsiteX15" fmla="*/ 4405993 w 5805714"/>
                <a:gd name="connsiteY15" fmla="*/ 946150 h 1035118"/>
                <a:gd name="connsiteX16" fmla="*/ 4316186 w 5805714"/>
                <a:gd name="connsiteY16" fmla="*/ 998764 h 1035118"/>
                <a:gd name="connsiteX17" fmla="*/ 4209506 w 5805714"/>
                <a:gd name="connsiteY17" fmla="*/ 951593 h 1035118"/>
                <a:gd name="connsiteX18" fmla="*/ 4099379 w 5805714"/>
                <a:gd name="connsiteY18" fmla="*/ 931453 h 1035118"/>
                <a:gd name="connsiteX19" fmla="*/ 4054021 w 5805714"/>
                <a:gd name="connsiteY19" fmla="*/ 993321 h 1035118"/>
                <a:gd name="connsiteX20" fmla="*/ 3844108 w 5805714"/>
                <a:gd name="connsiteY20" fmla="*/ 929640 h 1035118"/>
                <a:gd name="connsiteX21" fmla="*/ 3780608 w 5805714"/>
                <a:gd name="connsiteY21" fmla="*/ 988423 h 1035118"/>
                <a:gd name="connsiteX22" fmla="*/ 3651613 w 5805714"/>
                <a:gd name="connsiteY22" fmla="*/ 948871 h 1035118"/>
                <a:gd name="connsiteX23" fmla="*/ 3552008 w 5805714"/>
                <a:gd name="connsiteY23" fmla="*/ 999671 h 1035118"/>
                <a:gd name="connsiteX24" fmla="*/ 3401241 w 5805714"/>
                <a:gd name="connsiteY24" fmla="*/ 963748 h 1035118"/>
                <a:gd name="connsiteX25" fmla="*/ 3315607 w 5805714"/>
                <a:gd name="connsiteY25" fmla="*/ 986064 h 1035118"/>
                <a:gd name="connsiteX26" fmla="*/ 3164114 w 5805714"/>
                <a:gd name="connsiteY26" fmla="*/ 914400 h 1035118"/>
                <a:gd name="connsiteX27" fmla="*/ 3163207 w 5805714"/>
                <a:gd name="connsiteY27" fmla="*/ 992413 h 1035118"/>
                <a:gd name="connsiteX28" fmla="*/ 3125107 w 5805714"/>
                <a:gd name="connsiteY28" fmla="*/ 960664 h 1035118"/>
                <a:gd name="connsiteX29" fmla="*/ 3070678 w 5805714"/>
                <a:gd name="connsiteY29" fmla="*/ 953407 h 1035118"/>
                <a:gd name="connsiteX30" fmla="*/ 2982686 w 5805714"/>
                <a:gd name="connsiteY30" fmla="*/ 1035050 h 1035118"/>
                <a:gd name="connsiteX31" fmla="*/ 2877457 w 5805714"/>
                <a:gd name="connsiteY31" fmla="*/ 967014 h 1035118"/>
                <a:gd name="connsiteX32" fmla="*/ 2830286 w 5805714"/>
                <a:gd name="connsiteY32" fmla="*/ 943428 h 1035118"/>
                <a:gd name="connsiteX33" fmla="*/ 2801257 w 5805714"/>
                <a:gd name="connsiteY33" fmla="*/ 1001485 h 1035118"/>
                <a:gd name="connsiteX34" fmla="*/ 2699657 w 5805714"/>
                <a:gd name="connsiteY34" fmla="*/ 1001485 h 1035118"/>
                <a:gd name="connsiteX35" fmla="*/ 2625271 w 5805714"/>
                <a:gd name="connsiteY35" fmla="*/ 975178 h 1035118"/>
                <a:gd name="connsiteX36" fmla="*/ 2554514 w 5805714"/>
                <a:gd name="connsiteY36" fmla="*/ 943428 h 1035118"/>
                <a:gd name="connsiteX37" fmla="*/ 2509157 w 5805714"/>
                <a:gd name="connsiteY37" fmla="*/ 986064 h 1035118"/>
                <a:gd name="connsiteX38" fmla="*/ 2393043 w 5805714"/>
                <a:gd name="connsiteY38" fmla="*/ 983343 h 1035118"/>
                <a:gd name="connsiteX39" fmla="*/ 2305050 w 5805714"/>
                <a:gd name="connsiteY39" fmla="*/ 1023257 h 1035118"/>
                <a:gd name="connsiteX40" fmla="*/ 2169886 w 5805714"/>
                <a:gd name="connsiteY40" fmla="*/ 982435 h 1035118"/>
                <a:gd name="connsiteX41" fmla="*/ 2012043 w 5805714"/>
                <a:gd name="connsiteY41" fmla="*/ 997857 h 1035118"/>
                <a:gd name="connsiteX42" fmla="*/ 1894114 w 5805714"/>
                <a:gd name="connsiteY42" fmla="*/ 941614 h 1035118"/>
                <a:gd name="connsiteX43" fmla="*/ 1785257 w 5805714"/>
                <a:gd name="connsiteY43" fmla="*/ 992414 h 1035118"/>
                <a:gd name="connsiteX44" fmla="*/ 1654628 w 5805714"/>
                <a:gd name="connsiteY44" fmla="*/ 986971 h 1035118"/>
                <a:gd name="connsiteX45" fmla="*/ 1520371 w 5805714"/>
                <a:gd name="connsiteY45" fmla="*/ 1034143 h 1035118"/>
                <a:gd name="connsiteX46" fmla="*/ 1348921 w 5805714"/>
                <a:gd name="connsiteY46" fmla="*/ 960664 h 1035118"/>
                <a:gd name="connsiteX47" fmla="*/ 1230086 w 5805714"/>
                <a:gd name="connsiteY47" fmla="*/ 986971 h 1035118"/>
                <a:gd name="connsiteX48" fmla="*/ 1127578 w 5805714"/>
                <a:gd name="connsiteY48" fmla="*/ 954314 h 1035118"/>
                <a:gd name="connsiteX49" fmla="*/ 1030514 w 5805714"/>
                <a:gd name="connsiteY49" fmla="*/ 1016000 h 1035118"/>
                <a:gd name="connsiteX50" fmla="*/ 903514 w 5805714"/>
                <a:gd name="connsiteY50" fmla="*/ 971550 h 1035118"/>
                <a:gd name="connsiteX51" fmla="*/ 760186 w 5805714"/>
                <a:gd name="connsiteY51" fmla="*/ 981528 h 1035118"/>
                <a:gd name="connsiteX52" fmla="*/ 678543 w 5805714"/>
                <a:gd name="connsiteY52" fmla="*/ 947964 h 1035118"/>
                <a:gd name="connsiteX53" fmla="*/ 594178 w 5805714"/>
                <a:gd name="connsiteY53" fmla="*/ 996043 h 1035118"/>
                <a:gd name="connsiteX54" fmla="*/ 493486 w 5805714"/>
                <a:gd name="connsiteY54" fmla="*/ 1001485 h 1035118"/>
                <a:gd name="connsiteX55" fmla="*/ 390071 w 5805714"/>
                <a:gd name="connsiteY55" fmla="*/ 930728 h 1035118"/>
                <a:gd name="connsiteX56" fmla="*/ 262164 w 5805714"/>
                <a:gd name="connsiteY56" fmla="*/ 979714 h 1035118"/>
                <a:gd name="connsiteX57" fmla="*/ 103414 w 5805714"/>
                <a:gd name="connsiteY57" fmla="*/ 967014 h 1035118"/>
                <a:gd name="connsiteX58" fmla="*/ 0 w 5805714"/>
                <a:gd name="connsiteY58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30086 w 5813334"/>
                <a:gd name="connsiteY47" fmla="*/ 98697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390071 w 5813334"/>
                <a:gd name="connsiteY55" fmla="*/ 930728 h 1035118"/>
                <a:gd name="connsiteX56" fmla="*/ 262164 w 5813334"/>
                <a:gd name="connsiteY56" fmla="*/ 979714 h 1035118"/>
                <a:gd name="connsiteX57" fmla="*/ 103414 w 5813334"/>
                <a:gd name="connsiteY57" fmla="*/ 967014 h 1035118"/>
                <a:gd name="connsiteX58" fmla="*/ 0 w 5813334"/>
                <a:gd name="connsiteY58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30086 w 5813334"/>
                <a:gd name="connsiteY47" fmla="*/ 98697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390071 w 5813334"/>
                <a:gd name="connsiteY55" fmla="*/ 930728 h 1035118"/>
                <a:gd name="connsiteX56" fmla="*/ 307884 w 5813334"/>
                <a:gd name="connsiteY56" fmla="*/ 1010194 h 1035118"/>
                <a:gd name="connsiteX57" fmla="*/ 103414 w 5813334"/>
                <a:gd name="connsiteY57" fmla="*/ 967014 h 1035118"/>
                <a:gd name="connsiteX58" fmla="*/ 0 w 5813334"/>
                <a:gd name="connsiteY58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30086 w 5813334"/>
                <a:gd name="connsiteY47" fmla="*/ 98697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434159 w 5813334"/>
                <a:gd name="connsiteY55" fmla="*/ 969553 h 1035118"/>
                <a:gd name="connsiteX56" fmla="*/ 390071 w 5813334"/>
                <a:gd name="connsiteY56" fmla="*/ 930728 h 1035118"/>
                <a:gd name="connsiteX57" fmla="*/ 307884 w 5813334"/>
                <a:gd name="connsiteY57" fmla="*/ 1010194 h 1035118"/>
                <a:gd name="connsiteX58" fmla="*/ 103414 w 5813334"/>
                <a:gd name="connsiteY58" fmla="*/ 967014 h 1035118"/>
                <a:gd name="connsiteX59" fmla="*/ 0 w 5813334"/>
                <a:gd name="connsiteY59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30086 w 5813334"/>
                <a:gd name="connsiteY47" fmla="*/ 98697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434159 w 5813334"/>
                <a:gd name="connsiteY55" fmla="*/ 969553 h 1035118"/>
                <a:gd name="connsiteX56" fmla="*/ 374831 w 5813334"/>
                <a:gd name="connsiteY56" fmla="*/ 976448 h 1035118"/>
                <a:gd name="connsiteX57" fmla="*/ 307884 w 5813334"/>
                <a:gd name="connsiteY57" fmla="*/ 1010194 h 1035118"/>
                <a:gd name="connsiteX58" fmla="*/ 103414 w 5813334"/>
                <a:gd name="connsiteY58" fmla="*/ 967014 h 1035118"/>
                <a:gd name="connsiteX59" fmla="*/ 0 w 5813334"/>
                <a:gd name="connsiteY59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24828 w 5813334"/>
                <a:gd name="connsiteY14" fmla="*/ 91349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45326 w 5813334"/>
                <a:gd name="connsiteY47" fmla="*/ 100983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434159 w 5813334"/>
                <a:gd name="connsiteY55" fmla="*/ 969553 h 1035118"/>
                <a:gd name="connsiteX56" fmla="*/ 374831 w 5813334"/>
                <a:gd name="connsiteY56" fmla="*/ 976448 h 1035118"/>
                <a:gd name="connsiteX57" fmla="*/ 307884 w 5813334"/>
                <a:gd name="connsiteY57" fmla="*/ 1010194 h 1035118"/>
                <a:gd name="connsiteX58" fmla="*/ 103414 w 5813334"/>
                <a:gd name="connsiteY58" fmla="*/ 967014 h 1035118"/>
                <a:gd name="connsiteX59" fmla="*/ 0 w 5813334"/>
                <a:gd name="connsiteY59" fmla="*/ 1001485 h 1035118"/>
                <a:gd name="connsiteX0" fmla="*/ 0 w 5813334"/>
                <a:gd name="connsiteY0" fmla="*/ 1001485 h 1035118"/>
                <a:gd name="connsiteX1" fmla="*/ 0 w 5813334"/>
                <a:gd name="connsiteY1" fmla="*/ 0 h 1035118"/>
                <a:gd name="connsiteX2" fmla="*/ 5805714 w 5813334"/>
                <a:gd name="connsiteY2" fmla="*/ 0 h 1035118"/>
                <a:gd name="connsiteX3" fmla="*/ 5813334 w 5813334"/>
                <a:gd name="connsiteY3" fmla="*/ 1011283 h 1035118"/>
                <a:gd name="connsiteX4" fmla="*/ 5684157 w 5813334"/>
                <a:gd name="connsiteY4" fmla="*/ 935264 h 1035118"/>
                <a:gd name="connsiteX5" fmla="*/ 5599067 w 5813334"/>
                <a:gd name="connsiteY5" fmla="*/ 989874 h 1035118"/>
                <a:gd name="connsiteX6" fmla="*/ 5463177 w 5813334"/>
                <a:gd name="connsiteY6" fmla="*/ 952681 h 1035118"/>
                <a:gd name="connsiteX7" fmla="*/ 5316401 w 5813334"/>
                <a:gd name="connsiteY7" fmla="*/ 1003300 h 1035118"/>
                <a:gd name="connsiteX8" fmla="*/ 5154748 w 5813334"/>
                <a:gd name="connsiteY8" fmla="*/ 944335 h 1035118"/>
                <a:gd name="connsiteX9" fmla="*/ 5030107 w 5813334"/>
                <a:gd name="connsiteY9" fmla="*/ 977174 h 1035118"/>
                <a:gd name="connsiteX10" fmla="*/ 4915988 w 5813334"/>
                <a:gd name="connsiteY10" fmla="*/ 1011283 h 1035118"/>
                <a:gd name="connsiteX11" fmla="*/ 4841421 w 5813334"/>
                <a:gd name="connsiteY11" fmla="*/ 921657 h 1035118"/>
                <a:gd name="connsiteX12" fmla="*/ 4779736 w 5813334"/>
                <a:gd name="connsiteY12" fmla="*/ 994228 h 1035118"/>
                <a:gd name="connsiteX13" fmla="*/ 4644571 w 5813334"/>
                <a:gd name="connsiteY13" fmla="*/ 943428 h 1035118"/>
                <a:gd name="connsiteX14" fmla="*/ 4555308 w 5813334"/>
                <a:gd name="connsiteY14" fmla="*/ 982073 h 1035118"/>
                <a:gd name="connsiteX15" fmla="*/ 4405993 w 5813334"/>
                <a:gd name="connsiteY15" fmla="*/ 946150 h 1035118"/>
                <a:gd name="connsiteX16" fmla="*/ 4316186 w 5813334"/>
                <a:gd name="connsiteY16" fmla="*/ 998764 h 1035118"/>
                <a:gd name="connsiteX17" fmla="*/ 4209506 w 5813334"/>
                <a:gd name="connsiteY17" fmla="*/ 951593 h 1035118"/>
                <a:gd name="connsiteX18" fmla="*/ 4099379 w 5813334"/>
                <a:gd name="connsiteY18" fmla="*/ 931453 h 1035118"/>
                <a:gd name="connsiteX19" fmla="*/ 4054021 w 5813334"/>
                <a:gd name="connsiteY19" fmla="*/ 993321 h 1035118"/>
                <a:gd name="connsiteX20" fmla="*/ 3844108 w 5813334"/>
                <a:gd name="connsiteY20" fmla="*/ 929640 h 1035118"/>
                <a:gd name="connsiteX21" fmla="*/ 3780608 w 5813334"/>
                <a:gd name="connsiteY21" fmla="*/ 988423 h 1035118"/>
                <a:gd name="connsiteX22" fmla="*/ 3651613 w 5813334"/>
                <a:gd name="connsiteY22" fmla="*/ 948871 h 1035118"/>
                <a:gd name="connsiteX23" fmla="*/ 3552008 w 5813334"/>
                <a:gd name="connsiteY23" fmla="*/ 999671 h 1035118"/>
                <a:gd name="connsiteX24" fmla="*/ 3401241 w 5813334"/>
                <a:gd name="connsiteY24" fmla="*/ 963748 h 1035118"/>
                <a:gd name="connsiteX25" fmla="*/ 3315607 w 5813334"/>
                <a:gd name="connsiteY25" fmla="*/ 986064 h 1035118"/>
                <a:gd name="connsiteX26" fmla="*/ 3164114 w 5813334"/>
                <a:gd name="connsiteY26" fmla="*/ 914400 h 1035118"/>
                <a:gd name="connsiteX27" fmla="*/ 3163207 w 5813334"/>
                <a:gd name="connsiteY27" fmla="*/ 992413 h 1035118"/>
                <a:gd name="connsiteX28" fmla="*/ 3125107 w 5813334"/>
                <a:gd name="connsiteY28" fmla="*/ 960664 h 1035118"/>
                <a:gd name="connsiteX29" fmla="*/ 3070678 w 5813334"/>
                <a:gd name="connsiteY29" fmla="*/ 953407 h 1035118"/>
                <a:gd name="connsiteX30" fmla="*/ 2982686 w 5813334"/>
                <a:gd name="connsiteY30" fmla="*/ 1035050 h 1035118"/>
                <a:gd name="connsiteX31" fmla="*/ 2877457 w 5813334"/>
                <a:gd name="connsiteY31" fmla="*/ 967014 h 1035118"/>
                <a:gd name="connsiteX32" fmla="*/ 2830286 w 5813334"/>
                <a:gd name="connsiteY32" fmla="*/ 943428 h 1035118"/>
                <a:gd name="connsiteX33" fmla="*/ 2801257 w 5813334"/>
                <a:gd name="connsiteY33" fmla="*/ 1001485 h 1035118"/>
                <a:gd name="connsiteX34" fmla="*/ 2699657 w 5813334"/>
                <a:gd name="connsiteY34" fmla="*/ 1001485 h 1035118"/>
                <a:gd name="connsiteX35" fmla="*/ 2625271 w 5813334"/>
                <a:gd name="connsiteY35" fmla="*/ 975178 h 1035118"/>
                <a:gd name="connsiteX36" fmla="*/ 2554514 w 5813334"/>
                <a:gd name="connsiteY36" fmla="*/ 943428 h 1035118"/>
                <a:gd name="connsiteX37" fmla="*/ 2509157 w 5813334"/>
                <a:gd name="connsiteY37" fmla="*/ 986064 h 1035118"/>
                <a:gd name="connsiteX38" fmla="*/ 2393043 w 5813334"/>
                <a:gd name="connsiteY38" fmla="*/ 983343 h 1035118"/>
                <a:gd name="connsiteX39" fmla="*/ 2305050 w 5813334"/>
                <a:gd name="connsiteY39" fmla="*/ 1023257 h 1035118"/>
                <a:gd name="connsiteX40" fmla="*/ 2169886 w 5813334"/>
                <a:gd name="connsiteY40" fmla="*/ 982435 h 1035118"/>
                <a:gd name="connsiteX41" fmla="*/ 2012043 w 5813334"/>
                <a:gd name="connsiteY41" fmla="*/ 997857 h 1035118"/>
                <a:gd name="connsiteX42" fmla="*/ 1894114 w 5813334"/>
                <a:gd name="connsiteY42" fmla="*/ 941614 h 1035118"/>
                <a:gd name="connsiteX43" fmla="*/ 1785257 w 5813334"/>
                <a:gd name="connsiteY43" fmla="*/ 992414 h 1035118"/>
                <a:gd name="connsiteX44" fmla="*/ 1654628 w 5813334"/>
                <a:gd name="connsiteY44" fmla="*/ 986971 h 1035118"/>
                <a:gd name="connsiteX45" fmla="*/ 1520371 w 5813334"/>
                <a:gd name="connsiteY45" fmla="*/ 1034143 h 1035118"/>
                <a:gd name="connsiteX46" fmla="*/ 1348921 w 5813334"/>
                <a:gd name="connsiteY46" fmla="*/ 960664 h 1035118"/>
                <a:gd name="connsiteX47" fmla="*/ 1245326 w 5813334"/>
                <a:gd name="connsiteY47" fmla="*/ 1009831 h 1035118"/>
                <a:gd name="connsiteX48" fmla="*/ 1127578 w 5813334"/>
                <a:gd name="connsiteY48" fmla="*/ 954314 h 1035118"/>
                <a:gd name="connsiteX49" fmla="*/ 1030514 w 5813334"/>
                <a:gd name="connsiteY49" fmla="*/ 1016000 h 1035118"/>
                <a:gd name="connsiteX50" fmla="*/ 903514 w 5813334"/>
                <a:gd name="connsiteY50" fmla="*/ 971550 h 1035118"/>
                <a:gd name="connsiteX51" fmla="*/ 760186 w 5813334"/>
                <a:gd name="connsiteY51" fmla="*/ 981528 h 1035118"/>
                <a:gd name="connsiteX52" fmla="*/ 678543 w 5813334"/>
                <a:gd name="connsiteY52" fmla="*/ 947964 h 1035118"/>
                <a:gd name="connsiteX53" fmla="*/ 594178 w 5813334"/>
                <a:gd name="connsiteY53" fmla="*/ 996043 h 1035118"/>
                <a:gd name="connsiteX54" fmla="*/ 493486 w 5813334"/>
                <a:gd name="connsiteY54" fmla="*/ 1001485 h 1035118"/>
                <a:gd name="connsiteX55" fmla="*/ 434159 w 5813334"/>
                <a:gd name="connsiteY55" fmla="*/ 969553 h 1035118"/>
                <a:gd name="connsiteX56" fmla="*/ 374831 w 5813334"/>
                <a:gd name="connsiteY56" fmla="*/ 976448 h 1035118"/>
                <a:gd name="connsiteX57" fmla="*/ 307884 w 5813334"/>
                <a:gd name="connsiteY57" fmla="*/ 1010194 h 1035118"/>
                <a:gd name="connsiteX58" fmla="*/ 103414 w 5813334"/>
                <a:gd name="connsiteY58" fmla="*/ 967014 h 1035118"/>
                <a:gd name="connsiteX59" fmla="*/ 0 w 5813334"/>
                <a:gd name="connsiteY59" fmla="*/ 1001485 h 1035118"/>
                <a:gd name="connsiteX0" fmla="*/ 0 w 5813334"/>
                <a:gd name="connsiteY0" fmla="*/ 1001485 h 1043214"/>
                <a:gd name="connsiteX1" fmla="*/ 0 w 5813334"/>
                <a:gd name="connsiteY1" fmla="*/ 0 h 1043214"/>
                <a:gd name="connsiteX2" fmla="*/ 5805714 w 5813334"/>
                <a:gd name="connsiteY2" fmla="*/ 0 h 1043214"/>
                <a:gd name="connsiteX3" fmla="*/ 5813334 w 5813334"/>
                <a:gd name="connsiteY3" fmla="*/ 1011283 h 1043214"/>
                <a:gd name="connsiteX4" fmla="*/ 5684157 w 5813334"/>
                <a:gd name="connsiteY4" fmla="*/ 935264 h 1043214"/>
                <a:gd name="connsiteX5" fmla="*/ 5606687 w 5813334"/>
                <a:gd name="connsiteY5" fmla="*/ 1043214 h 1043214"/>
                <a:gd name="connsiteX6" fmla="*/ 5463177 w 5813334"/>
                <a:gd name="connsiteY6" fmla="*/ 952681 h 1043214"/>
                <a:gd name="connsiteX7" fmla="*/ 5316401 w 5813334"/>
                <a:gd name="connsiteY7" fmla="*/ 1003300 h 1043214"/>
                <a:gd name="connsiteX8" fmla="*/ 5154748 w 5813334"/>
                <a:gd name="connsiteY8" fmla="*/ 944335 h 1043214"/>
                <a:gd name="connsiteX9" fmla="*/ 5030107 w 5813334"/>
                <a:gd name="connsiteY9" fmla="*/ 977174 h 1043214"/>
                <a:gd name="connsiteX10" fmla="*/ 4915988 w 5813334"/>
                <a:gd name="connsiteY10" fmla="*/ 1011283 h 1043214"/>
                <a:gd name="connsiteX11" fmla="*/ 4841421 w 5813334"/>
                <a:gd name="connsiteY11" fmla="*/ 921657 h 1043214"/>
                <a:gd name="connsiteX12" fmla="*/ 4779736 w 5813334"/>
                <a:gd name="connsiteY12" fmla="*/ 994228 h 1043214"/>
                <a:gd name="connsiteX13" fmla="*/ 4644571 w 5813334"/>
                <a:gd name="connsiteY13" fmla="*/ 943428 h 1043214"/>
                <a:gd name="connsiteX14" fmla="*/ 4555308 w 5813334"/>
                <a:gd name="connsiteY14" fmla="*/ 982073 h 1043214"/>
                <a:gd name="connsiteX15" fmla="*/ 4405993 w 5813334"/>
                <a:gd name="connsiteY15" fmla="*/ 946150 h 1043214"/>
                <a:gd name="connsiteX16" fmla="*/ 4316186 w 5813334"/>
                <a:gd name="connsiteY16" fmla="*/ 998764 h 1043214"/>
                <a:gd name="connsiteX17" fmla="*/ 4209506 w 5813334"/>
                <a:gd name="connsiteY17" fmla="*/ 951593 h 1043214"/>
                <a:gd name="connsiteX18" fmla="*/ 4099379 w 5813334"/>
                <a:gd name="connsiteY18" fmla="*/ 931453 h 1043214"/>
                <a:gd name="connsiteX19" fmla="*/ 4054021 w 5813334"/>
                <a:gd name="connsiteY19" fmla="*/ 993321 h 1043214"/>
                <a:gd name="connsiteX20" fmla="*/ 3844108 w 5813334"/>
                <a:gd name="connsiteY20" fmla="*/ 929640 h 1043214"/>
                <a:gd name="connsiteX21" fmla="*/ 3780608 w 5813334"/>
                <a:gd name="connsiteY21" fmla="*/ 988423 h 1043214"/>
                <a:gd name="connsiteX22" fmla="*/ 3651613 w 5813334"/>
                <a:gd name="connsiteY22" fmla="*/ 948871 h 1043214"/>
                <a:gd name="connsiteX23" fmla="*/ 3552008 w 5813334"/>
                <a:gd name="connsiteY23" fmla="*/ 999671 h 1043214"/>
                <a:gd name="connsiteX24" fmla="*/ 3401241 w 5813334"/>
                <a:gd name="connsiteY24" fmla="*/ 963748 h 1043214"/>
                <a:gd name="connsiteX25" fmla="*/ 3315607 w 5813334"/>
                <a:gd name="connsiteY25" fmla="*/ 986064 h 1043214"/>
                <a:gd name="connsiteX26" fmla="*/ 3164114 w 5813334"/>
                <a:gd name="connsiteY26" fmla="*/ 914400 h 1043214"/>
                <a:gd name="connsiteX27" fmla="*/ 3163207 w 5813334"/>
                <a:gd name="connsiteY27" fmla="*/ 992413 h 1043214"/>
                <a:gd name="connsiteX28" fmla="*/ 3125107 w 5813334"/>
                <a:gd name="connsiteY28" fmla="*/ 960664 h 1043214"/>
                <a:gd name="connsiteX29" fmla="*/ 3070678 w 5813334"/>
                <a:gd name="connsiteY29" fmla="*/ 953407 h 1043214"/>
                <a:gd name="connsiteX30" fmla="*/ 2982686 w 5813334"/>
                <a:gd name="connsiteY30" fmla="*/ 1035050 h 1043214"/>
                <a:gd name="connsiteX31" fmla="*/ 2877457 w 5813334"/>
                <a:gd name="connsiteY31" fmla="*/ 967014 h 1043214"/>
                <a:gd name="connsiteX32" fmla="*/ 2830286 w 5813334"/>
                <a:gd name="connsiteY32" fmla="*/ 943428 h 1043214"/>
                <a:gd name="connsiteX33" fmla="*/ 2801257 w 5813334"/>
                <a:gd name="connsiteY33" fmla="*/ 1001485 h 1043214"/>
                <a:gd name="connsiteX34" fmla="*/ 2699657 w 5813334"/>
                <a:gd name="connsiteY34" fmla="*/ 1001485 h 1043214"/>
                <a:gd name="connsiteX35" fmla="*/ 2625271 w 5813334"/>
                <a:gd name="connsiteY35" fmla="*/ 975178 h 1043214"/>
                <a:gd name="connsiteX36" fmla="*/ 2554514 w 5813334"/>
                <a:gd name="connsiteY36" fmla="*/ 943428 h 1043214"/>
                <a:gd name="connsiteX37" fmla="*/ 2509157 w 5813334"/>
                <a:gd name="connsiteY37" fmla="*/ 986064 h 1043214"/>
                <a:gd name="connsiteX38" fmla="*/ 2393043 w 5813334"/>
                <a:gd name="connsiteY38" fmla="*/ 983343 h 1043214"/>
                <a:gd name="connsiteX39" fmla="*/ 2305050 w 5813334"/>
                <a:gd name="connsiteY39" fmla="*/ 1023257 h 1043214"/>
                <a:gd name="connsiteX40" fmla="*/ 2169886 w 5813334"/>
                <a:gd name="connsiteY40" fmla="*/ 982435 h 1043214"/>
                <a:gd name="connsiteX41" fmla="*/ 2012043 w 5813334"/>
                <a:gd name="connsiteY41" fmla="*/ 997857 h 1043214"/>
                <a:gd name="connsiteX42" fmla="*/ 1894114 w 5813334"/>
                <a:gd name="connsiteY42" fmla="*/ 941614 h 1043214"/>
                <a:gd name="connsiteX43" fmla="*/ 1785257 w 5813334"/>
                <a:gd name="connsiteY43" fmla="*/ 992414 h 1043214"/>
                <a:gd name="connsiteX44" fmla="*/ 1654628 w 5813334"/>
                <a:gd name="connsiteY44" fmla="*/ 986971 h 1043214"/>
                <a:gd name="connsiteX45" fmla="*/ 1520371 w 5813334"/>
                <a:gd name="connsiteY45" fmla="*/ 1034143 h 1043214"/>
                <a:gd name="connsiteX46" fmla="*/ 1348921 w 5813334"/>
                <a:gd name="connsiteY46" fmla="*/ 960664 h 1043214"/>
                <a:gd name="connsiteX47" fmla="*/ 1245326 w 5813334"/>
                <a:gd name="connsiteY47" fmla="*/ 1009831 h 1043214"/>
                <a:gd name="connsiteX48" fmla="*/ 1127578 w 5813334"/>
                <a:gd name="connsiteY48" fmla="*/ 954314 h 1043214"/>
                <a:gd name="connsiteX49" fmla="*/ 1030514 w 5813334"/>
                <a:gd name="connsiteY49" fmla="*/ 1016000 h 1043214"/>
                <a:gd name="connsiteX50" fmla="*/ 903514 w 5813334"/>
                <a:gd name="connsiteY50" fmla="*/ 971550 h 1043214"/>
                <a:gd name="connsiteX51" fmla="*/ 760186 w 5813334"/>
                <a:gd name="connsiteY51" fmla="*/ 981528 h 1043214"/>
                <a:gd name="connsiteX52" fmla="*/ 678543 w 5813334"/>
                <a:gd name="connsiteY52" fmla="*/ 947964 h 1043214"/>
                <a:gd name="connsiteX53" fmla="*/ 594178 w 5813334"/>
                <a:gd name="connsiteY53" fmla="*/ 996043 h 1043214"/>
                <a:gd name="connsiteX54" fmla="*/ 493486 w 5813334"/>
                <a:gd name="connsiteY54" fmla="*/ 1001485 h 1043214"/>
                <a:gd name="connsiteX55" fmla="*/ 434159 w 5813334"/>
                <a:gd name="connsiteY55" fmla="*/ 969553 h 1043214"/>
                <a:gd name="connsiteX56" fmla="*/ 374831 w 5813334"/>
                <a:gd name="connsiteY56" fmla="*/ 976448 h 1043214"/>
                <a:gd name="connsiteX57" fmla="*/ 307884 w 5813334"/>
                <a:gd name="connsiteY57" fmla="*/ 1010194 h 1043214"/>
                <a:gd name="connsiteX58" fmla="*/ 103414 w 5813334"/>
                <a:gd name="connsiteY58" fmla="*/ 967014 h 1043214"/>
                <a:gd name="connsiteX59" fmla="*/ 0 w 5813334"/>
                <a:gd name="connsiteY59" fmla="*/ 1001485 h 1043214"/>
                <a:gd name="connsiteX0" fmla="*/ 0 w 5820954"/>
                <a:gd name="connsiteY0" fmla="*/ 2121625 h 2163354"/>
                <a:gd name="connsiteX1" fmla="*/ 0 w 5820954"/>
                <a:gd name="connsiteY1" fmla="*/ 1120140 h 2163354"/>
                <a:gd name="connsiteX2" fmla="*/ 5820954 w 5820954"/>
                <a:gd name="connsiteY2" fmla="*/ 0 h 2163354"/>
                <a:gd name="connsiteX3" fmla="*/ 5813334 w 5820954"/>
                <a:gd name="connsiteY3" fmla="*/ 2131423 h 2163354"/>
                <a:gd name="connsiteX4" fmla="*/ 5684157 w 5820954"/>
                <a:gd name="connsiteY4" fmla="*/ 2055404 h 2163354"/>
                <a:gd name="connsiteX5" fmla="*/ 5606687 w 5820954"/>
                <a:gd name="connsiteY5" fmla="*/ 2163354 h 2163354"/>
                <a:gd name="connsiteX6" fmla="*/ 5463177 w 5820954"/>
                <a:gd name="connsiteY6" fmla="*/ 2072821 h 2163354"/>
                <a:gd name="connsiteX7" fmla="*/ 5316401 w 5820954"/>
                <a:gd name="connsiteY7" fmla="*/ 2123440 h 2163354"/>
                <a:gd name="connsiteX8" fmla="*/ 5154748 w 5820954"/>
                <a:gd name="connsiteY8" fmla="*/ 2064475 h 2163354"/>
                <a:gd name="connsiteX9" fmla="*/ 5030107 w 5820954"/>
                <a:gd name="connsiteY9" fmla="*/ 2097314 h 2163354"/>
                <a:gd name="connsiteX10" fmla="*/ 4915988 w 5820954"/>
                <a:gd name="connsiteY10" fmla="*/ 2131423 h 2163354"/>
                <a:gd name="connsiteX11" fmla="*/ 4841421 w 5820954"/>
                <a:gd name="connsiteY11" fmla="*/ 2041797 h 2163354"/>
                <a:gd name="connsiteX12" fmla="*/ 4779736 w 5820954"/>
                <a:gd name="connsiteY12" fmla="*/ 2114368 h 2163354"/>
                <a:gd name="connsiteX13" fmla="*/ 4644571 w 5820954"/>
                <a:gd name="connsiteY13" fmla="*/ 2063568 h 2163354"/>
                <a:gd name="connsiteX14" fmla="*/ 4555308 w 5820954"/>
                <a:gd name="connsiteY14" fmla="*/ 2102213 h 2163354"/>
                <a:gd name="connsiteX15" fmla="*/ 4405993 w 5820954"/>
                <a:gd name="connsiteY15" fmla="*/ 2066290 h 2163354"/>
                <a:gd name="connsiteX16" fmla="*/ 4316186 w 5820954"/>
                <a:gd name="connsiteY16" fmla="*/ 2118904 h 2163354"/>
                <a:gd name="connsiteX17" fmla="*/ 4209506 w 5820954"/>
                <a:gd name="connsiteY17" fmla="*/ 2071733 h 2163354"/>
                <a:gd name="connsiteX18" fmla="*/ 4099379 w 5820954"/>
                <a:gd name="connsiteY18" fmla="*/ 2051593 h 2163354"/>
                <a:gd name="connsiteX19" fmla="*/ 4054021 w 5820954"/>
                <a:gd name="connsiteY19" fmla="*/ 2113461 h 2163354"/>
                <a:gd name="connsiteX20" fmla="*/ 3844108 w 5820954"/>
                <a:gd name="connsiteY20" fmla="*/ 2049780 h 2163354"/>
                <a:gd name="connsiteX21" fmla="*/ 3780608 w 5820954"/>
                <a:gd name="connsiteY21" fmla="*/ 2108563 h 2163354"/>
                <a:gd name="connsiteX22" fmla="*/ 3651613 w 5820954"/>
                <a:gd name="connsiteY22" fmla="*/ 2069011 h 2163354"/>
                <a:gd name="connsiteX23" fmla="*/ 3552008 w 5820954"/>
                <a:gd name="connsiteY23" fmla="*/ 2119811 h 2163354"/>
                <a:gd name="connsiteX24" fmla="*/ 3401241 w 5820954"/>
                <a:gd name="connsiteY24" fmla="*/ 2083888 h 2163354"/>
                <a:gd name="connsiteX25" fmla="*/ 3315607 w 5820954"/>
                <a:gd name="connsiteY25" fmla="*/ 2106204 h 2163354"/>
                <a:gd name="connsiteX26" fmla="*/ 3164114 w 5820954"/>
                <a:gd name="connsiteY26" fmla="*/ 2034540 h 2163354"/>
                <a:gd name="connsiteX27" fmla="*/ 3163207 w 5820954"/>
                <a:gd name="connsiteY27" fmla="*/ 2112553 h 2163354"/>
                <a:gd name="connsiteX28" fmla="*/ 3125107 w 5820954"/>
                <a:gd name="connsiteY28" fmla="*/ 2080804 h 2163354"/>
                <a:gd name="connsiteX29" fmla="*/ 3070678 w 5820954"/>
                <a:gd name="connsiteY29" fmla="*/ 2073547 h 2163354"/>
                <a:gd name="connsiteX30" fmla="*/ 2982686 w 5820954"/>
                <a:gd name="connsiteY30" fmla="*/ 2155190 h 2163354"/>
                <a:gd name="connsiteX31" fmla="*/ 2877457 w 5820954"/>
                <a:gd name="connsiteY31" fmla="*/ 2087154 h 2163354"/>
                <a:gd name="connsiteX32" fmla="*/ 2830286 w 5820954"/>
                <a:gd name="connsiteY32" fmla="*/ 2063568 h 2163354"/>
                <a:gd name="connsiteX33" fmla="*/ 2801257 w 5820954"/>
                <a:gd name="connsiteY33" fmla="*/ 2121625 h 2163354"/>
                <a:gd name="connsiteX34" fmla="*/ 2699657 w 5820954"/>
                <a:gd name="connsiteY34" fmla="*/ 2121625 h 2163354"/>
                <a:gd name="connsiteX35" fmla="*/ 2625271 w 5820954"/>
                <a:gd name="connsiteY35" fmla="*/ 2095318 h 2163354"/>
                <a:gd name="connsiteX36" fmla="*/ 2554514 w 5820954"/>
                <a:gd name="connsiteY36" fmla="*/ 2063568 h 2163354"/>
                <a:gd name="connsiteX37" fmla="*/ 2509157 w 5820954"/>
                <a:gd name="connsiteY37" fmla="*/ 2106204 h 2163354"/>
                <a:gd name="connsiteX38" fmla="*/ 2393043 w 5820954"/>
                <a:gd name="connsiteY38" fmla="*/ 2103483 h 2163354"/>
                <a:gd name="connsiteX39" fmla="*/ 2305050 w 5820954"/>
                <a:gd name="connsiteY39" fmla="*/ 2143397 h 2163354"/>
                <a:gd name="connsiteX40" fmla="*/ 2169886 w 5820954"/>
                <a:gd name="connsiteY40" fmla="*/ 2102575 h 2163354"/>
                <a:gd name="connsiteX41" fmla="*/ 2012043 w 5820954"/>
                <a:gd name="connsiteY41" fmla="*/ 2117997 h 2163354"/>
                <a:gd name="connsiteX42" fmla="*/ 1894114 w 5820954"/>
                <a:gd name="connsiteY42" fmla="*/ 2061754 h 2163354"/>
                <a:gd name="connsiteX43" fmla="*/ 1785257 w 5820954"/>
                <a:gd name="connsiteY43" fmla="*/ 2112554 h 2163354"/>
                <a:gd name="connsiteX44" fmla="*/ 1654628 w 5820954"/>
                <a:gd name="connsiteY44" fmla="*/ 2107111 h 2163354"/>
                <a:gd name="connsiteX45" fmla="*/ 1520371 w 5820954"/>
                <a:gd name="connsiteY45" fmla="*/ 2154283 h 2163354"/>
                <a:gd name="connsiteX46" fmla="*/ 1348921 w 5820954"/>
                <a:gd name="connsiteY46" fmla="*/ 2080804 h 2163354"/>
                <a:gd name="connsiteX47" fmla="*/ 1245326 w 5820954"/>
                <a:gd name="connsiteY47" fmla="*/ 2129971 h 2163354"/>
                <a:gd name="connsiteX48" fmla="*/ 1127578 w 5820954"/>
                <a:gd name="connsiteY48" fmla="*/ 2074454 h 2163354"/>
                <a:gd name="connsiteX49" fmla="*/ 1030514 w 5820954"/>
                <a:gd name="connsiteY49" fmla="*/ 2136140 h 2163354"/>
                <a:gd name="connsiteX50" fmla="*/ 903514 w 5820954"/>
                <a:gd name="connsiteY50" fmla="*/ 2091690 h 2163354"/>
                <a:gd name="connsiteX51" fmla="*/ 760186 w 5820954"/>
                <a:gd name="connsiteY51" fmla="*/ 2101668 h 2163354"/>
                <a:gd name="connsiteX52" fmla="*/ 678543 w 5820954"/>
                <a:gd name="connsiteY52" fmla="*/ 2068104 h 2163354"/>
                <a:gd name="connsiteX53" fmla="*/ 594178 w 5820954"/>
                <a:gd name="connsiteY53" fmla="*/ 2116183 h 2163354"/>
                <a:gd name="connsiteX54" fmla="*/ 493486 w 5820954"/>
                <a:gd name="connsiteY54" fmla="*/ 2121625 h 2163354"/>
                <a:gd name="connsiteX55" fmla="*/ 434159 w 5820954"/>
                <a:gd name="connsiteY55" fmla="*/ 2089693 h 2163354"/>
                <a:gd name="connsiteX56" fmla="*/ 374831 w 5820954"/>
                <a:gd name="connsiteY56" fmla="*/ 2096588 h 2163354"/>
                <a:gd name="connsiteX57" fmla="*/ 307884 w 5820954"/>
                <a:gd name="connsiteY57" fmla="*/ 2130334 h 2163354"/>
                <a:gd name="connsiteX58" fmla="*/ 103414 w 5820954"/>
                <a:gd name="connsiteY58" fmla="*/ 2087154 h 2163354"/>
                <a:gd name="connsiteX59" fmla="*/ 0 w 5820954"/>
                <a:gd name="connsiteY59" fmla="*/ 2121625 h 2163354"/>
                <a:gd name="connsiteX0" fmla="*/ 0 w 5820954"/>
                <a:gd name="connsiteY0" fmla="*/ 2121625 h 2163354"/>
                <a:gd name="connsiteX1" fmla="*/ 7620 w 5820954"/>
                <a:gd name="connsiteY1" fmla="*/ 22860 h 2163354"/>
                <a:gd name="connsiteX2" fmla="*/ 5820954 w 5820954"/>
                <a:gd name="connsiteY2" fmla="*/ 0 h 2163354"/>
                <a:gd name="connsiteX3" fmla="*/ 5813334 w 5820954"/>
                <a:gd name="connsiteY3" fmla="*/ 2131423 h 2163354"/>
                <a:gd name="connsiteX4" fmla="*/ 5684157 w 5820954"/>
                <a:gd name="connsiteY4" fmla="*/ 2055404 h 2163354"/>
                <a:gd name="connsiteX5" fmla="*/ 5606687 w 5820954"/>
                <a:gd name="connsiteY5" fmla="*/ 2163354 h 2163354"/>
                <a:gd name="connsiteX6" fmla="*/ 5463177 w 5820954"/>
                <a:gd name="connsiteY6" fmla="*/ 2072821 h 2163354"/>
                <a:gd name="connsiteX7" fmla="*/ 5316401 w 5820954"/>
                <a:gd name="connsiteY7" fmla="*/ 2123440 h 2163354"/>
                <a:gd name="connsiteX8" fmla="*/ 5154748 w 5820954"/>
                <a:gd name="connsiteY8" fmla="*/ 2064475 h 2163354"/>
                <a:gd name="connsiteX9" fmla="*/ 5030107 w 5820954"/>
                <a:gd name="connsiteY9" fmla="*/ 2097314 h 2163354"/>
                <a:gd name="connsiteX10" fmla="*/ 4915988 w 5820954"/>
                <a:gd name="connsiteY10" fmla="*/ 2131423 h 2163354"/>
                <a:gd name="connsiteX11" fmla="*/ 4841421 w 5820954"/>
                <a:gd name="connsiteY11" fmla="*/ 2041797 h 2163354"/>
                <a:gd name="connsiteX12" fmla="*/ 4779736 w 5820954"/>
                <a:gd name="connsiteY12" fmla="*/ 2114368 h 2163354"/>
                <a:gd name="connsiteX13" fmla="*/ 4644571 w 5820954"/>
                <a:gd name="connsiteY13" fmla="*/ 2063568 h 2163354"/>
                <a:gd name="connsiteX14" fmla="*/ 4555308 w 5820954"/>
                <a:gd name="connsiteY14" fmla="*/ 2102213 h 2163354"/>
                <a:gd name="connsiteX15" fmla="*/ 4405993 w 5820954"/>
                <a:gd name="connsiteY15" fmla="*/ 2066290 h 2163354"/>
                <a:gd name="connsiteX16" fmla="*/ 4316186 w 5820954"/>
                <a:gd name="connsiteY16" fmla="*/ 2118904 h 2163354"/>
                <a:gd name="connsiteX17" fmla="*/ 4209506 w 5820954"/>
                <a:gd name="connsiteY17" fmla="*/ 2071733 h 2163354"/>
                <a:gd name="connsiteX18" fmla="*/ 4099379 w 5820954"/>
                <a:gd name="connsiteY18" fmla="*/ 2051593 h 2163354"/>
                <a:gd name="connsiteX19" fmla="*/ 4054021 w 5820954"/>
                <a:gd name="connsiteY19" fmla="*/ 2113461 h 2163354"/>
                <a:gd name="connsiteX20" fmla="*/ 3844108 w 5820954"/>
                <a:gd name="connsiteY20" fmla="*/ 2049780 h 2163354"/>
                <a:gd name="connsiteX21" fmla="*/ 3780608 w 5820954"/>
                <a:gd name="connsiteY21" fmla="*/ 2108563 h 2163354"/>
                <a:gd name="connsiteX22" fmla="*/ 3651613 w 5820954"/>
                <a:gd name="connsiteY22" fmla="*/ 2069011 h 2163354"/>
                <a:gd name="connsiteX23" fmla="*/ 3552008 w 5820954"/>
                <a:gd name="connsiteY23" fmla="*/ 2119811 h 2163354"/>
                <a:gd name="connsiteX24" fmla="*/ 3401241 w 5820954"/>
                <a:gd name="connsiteY24" fmla="*/ 2083888 h 2163354"/>
                <a:gd name="connsiteX25" fmla="*/ 3315607 w 5820954"/>
                <a:gd name="connsiteY25" fmla="*/ 2106204 h 2163354"/>
                <a:gd name="connsiteX26" fmla="*/ 3164114 w 5820954"/>
                <a:gd name="connsiteY26" fmla="*/ 2034540 h 2163354"/>
                <a:gd name="connsiteX27" fmla="*/ 3163207 w 5820954"/>
                <a:gd name="connsiteY27" fmla="*/ 2112553 h 2163354"/>
                <a:gd name="connsiteX28" fmla="*/ 3125107 w 5820954"/>
                <a:gd name="connsiteY28" fmla="*/ 2080804 h 2163354"/>
                <a:gd name="connsiteX29" fmla="*/ 3070678 w 5820954"/>
                <a:gd name="connsiteY29" fmla="*/ 2073547 h 2163354"/>
                <a:gd name="connsiteX30" fmla="*/ 2982686 w 5820954"/>
                <a:gd name="connsiteY30" fmla="*/ 2155190 h 2163354"/>
                <a:gd name="connsiteX31" fmla="*/ 2877457 w 5820954"/>
                <a:gd name="connsiteY31" fmla="*/ 2087154 h 2163354"/>
                <a:gd name="connsiteX32" fmla="*/ 2830286 w 5820954"/>
                <a:gd name="connsiteY32" fmla="*/ 2063568 h 2163354"/>
                <a:gd name="connsiteX33" fmla="*/ 2801257 w 5820954"/>
                <a:gd name="connsiteY33" fmla="*/ 2121625 h 2163354"/>
                <a:gd name="connsiteX34" fmla="*/ 2699657 w 5820954"/>
                <a:gd name="connsiteY34" fmla="*/ 2121625 h 2163354"/>
                <a:gd name="connsiteX35" fmla="*/ 2625271 w 5820954"/>
                <a:gd name="connsiteY35" fmla="*/ 2095318 h 2163354"/>
                <a:gd name="connsiteX36" fmla="*/ 2554514 w 5820954"/>
                <a:gd name="connsiteY36" fmla="*/ 2063568 h 2163354"/>
                <a:gd name="connsiteX37" fmla="*/ 2509157 w 5820954"/>
                <a:gd name="connsiteY37" fmla="*/ 2106204 h 2163354"/>
                <a:gd name="connsiteX38" fmla="*/ 2393043 w 5820954"/>
                <a:gd name="connsiteY38" fmla="*/ 2103483 h 2163354"/>
                <a:gd name="connsiteX39" fmla="*/ 2305050 w 5820954"/>
                <a:gd name="connsiteY39" fmla="*/ 2143397 h 2163354"/>
                <a:gd name="connsiteX40" fmla="*/ 2169886 w 5820954"/>
                <a:gd name="connsiteY40" fmla="*/ 2102575 h 2163354"/>
                <a:gd name="connsiteX41" fmla="*/ 2012043 w 5820954"/>
                <a:gd name="connsiteY41" fmla="*/ 2117997 h 2163354"/>
                <a:gd name="connsiteX42" fmla="*/ 1894114 w 5820954"/>
                <a:gd name="connsiteY42" fmla="*/ 2061754 h 2163354"/>
                <a:gd name="connsiteX43" fmla="*/ 1785257 w 5820954"/>
                <a:gd name="connsiteY43" fmla="*/ 2112554 h 2163354"/>
                <a:gd name="connsiteX44" fmla="*/ 1654628 w 5820954"/>
                <a:gd name="connsiteY44" fmla="*/ 2107111 h 2163354"/>
                <a:gd name="connsiteX45" fmla="*/ 1520371 w 5820954"/>
                <a:gd name="connsiteY45" fmla="*/ 2154283 h 2163354"/>
                <a:gd name="connsiteX46" fmla="*/ 1348921 w 5820954"/>
                <a:gd name="connsiteY46" fmla="*/ 2080804 h 2163354"/>
                <a:gd name="connsiteX47" fmla="*/ 1245326 w 5820954"/>
                <a:gd name="connsiteY47" fmla="*/ 2129971 h 2163354"/>
                <a:gd name="connsiteX48" fmla="*/ 1127578 w 5820954"/>
                <a:gd name="connsiteY48" fmla="*/ 2074454 h 2163354"/>
                <a:gd name="connsiteX49" fmla="*/ 1030514 w 5820954"/>
                <a:gd name="connsiteY49" fmla="*/ 2136140 h 2163354"/>
                <a:gd name="connsiteX50" fmla="*/ 903514 w 5820954"/>
                <a:gd name="connsiteY50" fmla="*/ 2091690 h 2163354"/>
                <a:gd name="connsiteX51" fmla="*/ 760186 w 5820954"/>
                <a:gd name="connsiteY51" fmla="*/ 2101668 h 2163354"/>
                <a:gd name="connsiteX52" fmla="*/ 678543 w 5820954"/>
                <a:gd name="connsiteY52" fmla="*/ 2068104 h 2163354"/>
                <a:gd name="connsiteX53" fmla="*/ 594178 w 5820954"/>
                <a:gd name="connsiteY53" fmla="*/ 2116183 h 2163354"/>
                <a:gd name="connsiteX54" fmla="*/ 493486 w 5820954"/>
                <a:gd name="connsiteY54" fmla="*/ 2121625 h 2163354"/>
                <a:gd name="connsiteX55" fmla="*/ 434159 w 5820954"/>
                <a:gd name="connsiteY55" fmla="*/ 2089693 h 2163354"/>
                <a:gd name="connsiteX56" fmla="*/ 374831 w 5820954"/>
                <a:gd name="connsiteY56" fmla="*/ 2096588 h 2163354"/>
                <a:gd name="connsiteX57" fmla="*/ 307884 w 5820954"/>
                <a:gd name="connsiteY57" fmla="*/ 2130334 h 2163354"/>
                <a:gd name="connsiteX58" fmla="*/ 103414 w 5820954"/>
                <a:gd name="connsiteY58" fmla="*/ 2087154 h 2163354"/>
                <a:gd name="connsiteX59" fmla="*/ 0 w 5820954"/>
                <a:gd name="connsiteY59" fmla="*/ 2121625 h 2163354"/>
                <a:gd name="connsiteX0" fmla="*/ 0 w 5828574"/>
                <a:gd name="connsiteY0" fmla="*/ 2098765 h 2140494"/>
                <a:gd name="connsiteX1" fmla="*/ 7620 w 5828574"/>
                <a:gd name="connsiteY1" fmla="*/ 0 h 2140494"/>
                <a:gd name="connsiteX2" fmla="*/ 5828574 w 5828574"/>
                <a:gd name="connsiteY2" fmla="*/ 0 h 2140494"/>
                <a:gd name="connsiteX3" fmla="*/ 5813334 w 5828574"/>
                <a:gd name="connsiteY3" fmla="*/ 2108563 h 2140494"/>
                <a:gd name="connsiteX4" fmla="*/ 5684157 w 5828574"/>
                <a:gd name="connsiteY4" fmla="*/ 2032544 h 2140494"/>
                <a:gd name="connsiteX5" fmla="*/ 5606687 w 5828574"/>
                <a:gd name="connsiteY5" fmla="*/ 2140494 h 2140494"/>
                <a:gd name="connsiteX6" fmla="*/ 5463177 w 5828574"/>
                <a:gd name="connsiteY6" fmla="*/ 2049961 h 2140494"/>
                <a:gd name="connsiteX7" fmla="*/ 5316401 w 5828574"/>
                <a:gd name="connsiteY7" fmla="*/ 2100580 h 2140494"/>
                <a:gd name="connsiteX8" fmla="*/ 5154748 w 5828574"/>
                <a:gd name="connsiteY8" fmla="*/ 2041615 h 2140494"/>
                <a:gd name="connsiteX9" fmla="*/ 5030107 w 5828574"/>
                <a:gd name="connsiteY9" fmla="*/ 2074454 h 2140494"/>
                <a:gd name="connsiteX10" fmla="*/ 4915988 w 5828574"/>
                <a:gd name="connsiteY10" fmla="*/ 2108563 h 2140494"/>
                <a:gd name="connsiteX11" fmla="*/ 4841421 w 5828574"/>
                <a:gd name="connsiteY11" fmla="*/ 2018937 h 2140494"/>
                <a:gd name="connsiteX12" fmla="*/ 4779736 w 5828574"/>
                <a:gd name="connsiteY12" fmla="*/ 2091508 h 2140494"/>
                <a:gd name="connsiteX13" fmla="*/ 4644571 w 5828574"/>
                <a:gd name="connsiteY13" fmla="*/ 2040708 h 2140494"/>
                <a:gd name="connsiteX14" fmla="*/ 4555308 w 5828574"/>
                <a:gd name="connsiteY14" fmla="*/ 2079353 h 2140494"/>
                <a:gd name="connsiteX15" fmla="*/ 4405993 w 5828574"/>
                <a:gd name="connsiteY15" fmla="*/ 2043430 h 2140494"/>
                <a:gd name="connsiteX16" fmla="*/ 4316186 w 5828574"/>
                <a:gd name="connsiteY16" fmla="*/ 2096044 h 2140494"/>
                <a:gd name="connsiteX17" fmla="*/ 4209506 w 5828574"/>
                <a:gd name="connsiteY17" fmla="*/ 2048873 h 2140494"/>
                <a:gd name="connsiteX18" fmla="*/ 4099379 w 5828574"/>
                <a:gd name="connsiteY18" fmla="*/ 2028733 h 2140494"/>
                <a:gd name="connsiteX19" fmla="*/ 4054021 w 5828574"/>
                <a:gd name="connsiteY19" fmla="*/ 2090601 h 2140494"/>
                <a:gd name="connsiteX20" fmla="*/ 3844108 w 5828574"/>
                <a:gd name="connsiteY20" fmla="*/ 2026920 h 2140494"/>
                <a:gd name="connsiteX21" fmla="*/ 3780608 w 5828574"/>
                <a:gd name="connsiteY21" fmla="*/ 2085703 h 2140494"/>
                <a:gd name="connsiteX22" fmla="*/ 3651613 w 5828574"/>
                <a:gd name="connsiteY22" fmla="*/ 2046151 h 2140494"/>
                <a:gd name="connsiteX23" fmla="*/ 3552008 w 5828574"/>
                <a:gd name="connsiteY23" fmla="*/ 2096951 h 2140494"/>
                <a:gd name="connsiteX24" fmla="*/ 3401241 w 5828574"/>
                <a:gd name="connsiteY24" fmla="*/ 2061028 h 2140494"/>
                <a:gd name="connsiteX25" fmla="*/ 3315607 w 5828574"/>
                <a:gd name="connsiteY25" fmla="*/ 2083344 h 2140494"/>
                <a:gd name="connsiteX26" fmla="*/ 3164114 w 5828574"/>
                <a:gd name="connsiteY26" fmla="*/ 2011680 h 2140494"/>
                <a:gd name="connsiteX27" fmla="*/ 3163207 w 5828574"/>
                <a:gd name="connsiteY27" fmla="*/ 2089693 h 2140494"/>
                <a:gd name="connsiteX28" fmla="*/ 3125107 w 5828574"/>
                <a:gd name="connsiteY28" fmla="*/ 2057944 h 2140494"/>
                <a:gd name="connsiteX29" fmla="*/ 3070678 w 5828574"/>
                <a:gd name="connsiteY29" fmla="*/ 2050687 h 2140494"/>
                <a:gd name="connsiteX30" fmla="*/ 2982686 w 5828574"/>
                <a:gd name="connsiteY30" fmla="*/ 2132330 h 2140494"/>
                <a:gd name="connsiteX31" fmla="*/ 2877457 w 5828574"/>
                <a:gd name="connsiteY31" fmla="*/ 2064294 h 2140494"/>
                <a:gd name="connsiteX32" fmla="*/ 2830286 w 5828574"/>
                <a:gd name="connsiteY32" fmla="*/ 2040708 h 2140494"/>
                <a:gd name="connsiteX33" fmla="*/ 2801257 w 5828574"/>
                <a:gd name="connsiteY33" fmla="*/ 2098765 h 2140494"/>
                <a:gd name="connsiteX34" fmla="*/ 2699657 w 5828574"/>
                <a:gd name="connsiteY34" fmla="*/ 2098765 h 2140494"/>
                <a:gd name="connsiteX35" fmla="*/ 2625271 w 5828574"/>
                <a:gd name="connsiteY35" fmla="*/ 2072458 h 2140494"/>
                <a:gd name="connsiteX36" fmla="*/ 2554514 w 5828574"/>
                <a:gd name="connsiteY36" fmla="*/ 2040708 h 2140494"/>
                <a:gd name="connsiteX37" fmla="*/ 2509157 w 5828574"/>
                <a:gd name="connsiteY37" fmla="*/ 2083344 h 2140494"/>
                <a:gd name="connsiteX38" fmla="*/ 2393043 w 5828574"/>
                <a:gd name="connsiteY38" fmla="*/ 2080623 h 2140494"/>
                <a:gd name="connsiteX39" fmla="*/ 2305050 w 5828574"/>
                <a:gd name="connsiteY39" fmla="*/ 2120537 h 2140494"/>
                <a:gd name="connsiteX40" fmla="*/ 2169886 w 5828574"/>
                <a:gd name="connsiteY40" fmla="*/ 2079715 h 2140494"/>
                <a:gd name="connsiteX41" fmla="*/ 2012043 w 5828574"/>
                <a:gd name="connsiteY41" fmla="*/ 2095137 h 2140494"/>
                <a:gd name="connsiteX42" fmla="*/ 1894114 w 5828574"/>
                <a:gd name="connsiteY42" fmla="*/ 2038894 h 2140494"/>
                <a:gd name="connsiteX43" fmla="*/ 1785257 w 5828574"/>
                <a:gd name="connsiteY43" fmla="*/ 2089694 h 2140494"/>
                <a:gd name="connsiteX44" fmla="*/ 1654628 w 5828574"/>
                <a:gd name="connsiteY44" fmla="*/ 2084251 h 2140494"/>
                <a:gd name="connsiteX45" fmla="*/ 1520371 w 5828574"/>
                <a:gd name="connsiteY45" fmla="*/ 2131423 h 2140494"/>
                <a:gd name="connsiteX46" fmla="*/ 1348921 w 5828574"/>
                <a:gd name="connsiteY46" fmla="*/ 2057944 h 2140494"/>
                <a:gd name="connsiteX47" fmla="*/ 1245326 w 5828574"/>
                <a:gd name="connsiteY47" fmla="*/ 2107111 h 2140494"/>
                <a:gd name="connsiteX48" fmla="*/ 1127578 w 5828574"/>
                <a:gd name="connsiteY48" fmla="*/ 2051594 h 2140494"/>
                <a:gd name="connsiteX49" fmla="*/ 1030514 w 5828574"/>
                <a:gd name="connsiteY49" fmla="*/ 2113280 h 2140494"/>
                <a:gd name="connsiteX50" fmla="*/ 903514 w 5828574"/>
                <a:gd name="connsiteY50" fmla="*/ 2068830 h 2140494"/>
                <a:gd name="connsiteX51" fmla="*/ 760186 w 5828574"/>
                <a:gd name="connsiteY51" fmla="*/ 2078808 h 2140494"/>
                <a:gd name="connsiteX52" fmla="*/ 678543 w 5828574"/>
                <a:gd name="connsiteY52" fmla="*/ 2045244 h 2140494"/>
                <a:gd name="connsiteX53" fmla="*/ 594178 w 5828574"/>
                <a:gd name="connsiteY53" fmla="*/ 2093323 h 2140494"/>
                <a:gd name="connsiteX54" fmla="*/ 493486 w 5828574"/>
                <a:gd name="connsiteY54" fmla="*/ 2098765 h 2140494"/>
                <a:gd name="connsiteX55" fmla="*/ 434159 w 5828574"/>
                <a:gd name="connsiteY55" fmla="*/ 2066833 h 2140494"/>
                <a:gd name="connsiteX56" fmla="*/ 374831 w 5828574"/>
                <a:gd name="connsiteY56" fmla="*/ 2073728 h 2140494"/>
                <a:gd name="connsiteX57" fmla="*/ 307884 w 5828574"/>
                <a:gd name="connsiteY57" fmla="*/ 2107474 h 2140494"/>
                <a:gd name="connsiteX58" fmla="*/ 103414 w 5828574"/>
                <a:gd name="connsiteY58" fmla="*/ 2064294 h 2140494"/>
                <a:gd name="connsiteX59" fmla="*/ 0 w 5828574"/>
                <a:gd name="connsiteY59" fmla="*/ 2098765 h 2140494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  <a:cxn ang="0">
                  <a:pos x="connsiteX11" y="connsiteY11"/>
                </a:cxn>
                <a:cxn ang="0">
                  <a:pos x="connsiteX12" y="connsiteY12"/>
                </a:cxn>
                <a:cxn ang="0">
                  <a:pos x="connsiteX13" y="connsiteY13"/>
                </a:cxn>
                <a:cxn ang="0">
                  <a:pos x="connsiteX14" y="connsiteY14"/>
                </a:cxn>
                <a:cxn ang="0">
                  <a:pos x="connsiteX15" y="connsiteY15"/>
                </a:cxn>
                <a:cxn ang="0">
                  <a:pos x="connsiteX16" y="connsiteY16"/>
                </a:cxn>
                <a:cxn ang="0">
                  <a:pos x="connsiteX17" y="connsiteY17"/>
                </a:cxn>
                <a:cxn ang="0">
                  <a:pos x="connsiteX18" y="connsiteY18"/>
                </a:cxn>
                <a:cxn ang="0">
                  <a:pos x="connsiteX19" y="connsiteY19"/>
                </a:cxn>
                <a:cxn ang="0">
                  <a:pos x="connsiteX20" y="connsiteY20"/>
                </a:cxn>
                <a:cxn ang="0">
                  <a:pos x="connsiteX21" y="connsiteY21"/>
                </a:cxn>
                <a:cxn ang="0">
                  <a:pos x="connsiteX22" y="connsiteY22"/>
                </a:cxn>
                <a:cxn ang="0">
                  <a:pos x="connsiteX23" y="connsiteY23"/>
                </a:cxn>
                <a:cxn ang="0">
                  <a:pos x="connsiteX24" y="connsiteY24"/>
                </a:cxn>
                <a:cxn ang="0">
                  <a:pos x="connsiteX25" y="connsiteY25"/>
                </a:cxn>
                <a:cxn ang="0">
                  <a:pos x="connsiteX26" y="connsiteY26"/>
                </a:cxn>
                <a:cxn ang="0">
                  <a:pos x="connsiteX27" y="connsiteY27"/>
                </a:cxn>
                <a:cxn ang="0">
                  <a:pos x="connsiteX28" y="connsiteY28"/>
                </a:cxn>
                <a:cxn ang="0">
                  <a:pos x="connsiteX29" y="connsiteY29"/>
                </a:cxn>
                <a:cxn ang="0">
                  <a:pos x="connsiteX30" y="connsiteY30"/>
                </a:cxn>
                <a:cxn ang="0">
                  <a:pos x="connsiteX31" y="connsiteY31"/>
                </a:cxn>
                <a:cxn ang="0">
                  <a:pos x="connsiteX32" y="connsiteY32"/>
                </a:cxn>
                <a:cxn ang="0">
                  <a:pos x="connsiteX33" y="connsiteY33"/>
                </a:cxn>
                <a:cxn ang="0">
                  <a:pos x="connsiteX34" y="connsiteY34"/>
                </a:cxn>
                <a:cxn ang="0">
                  <a:pos x="connsiteX35" y="connsiteY35"/>
                </a:cxn>
                <a:cxn ang="0">
                  <a:pos x="connsiteX36" y="connsiteY36"/>
                </a:cxn>
                <a:cxn ang="0">
                  <a:pos x="connsiteX37" y="connsiteY37"/>
                </a:cxn>
                <a:cxn ang="0">
                  <a:pos x="connsiteX38" y="connsiteY38"/>
                </a:cxn>
                <a:cxn ang="0">
                  <a:pos x="connsiteX39" y="connsiteY39"/>
                </a:cxn>
                <a:cxn ang="0">
                  <a:pos x="connsiteX40" y="connsiteY40"/>
                </a:cxn>
                <a:cxn ang="0">
                  <a:pos x="connsiteX41" y="connsiteY41"/>
                </a:cxn>
                <a:cxn ang="0">
                  <a:pos x="connsiteX42" y="connsiteY42"/>
                </a:cxn>
                <a:cxn ang="0">
                  <a:pos x="connsiteX43" y="connsiteY43"/>
                </a:cxn>
                <a:cxn ang="0">
                  <a:pos x="connsiteX44" y="connsiteY44"/>
                </a:cxn>
                <a:cxn ang="0">
                  <a:pos x="connsiteX45" y="connsiteY45"/>
                </a:cxn>
                <a:cxn ang="0">
                  <a:pos x="connsiteX46" y="connsiteY46"/>
                </a:cxn>
                <a:cxn ang="0">
                  <a:pos x="connsiteX47" y="connsiteY47"/>
                </a:cxn>
                <a:cxn ang="0">
                  <a:pos x="connsiteX48" y="connsiteY48"/>
                </a:cxn>
                <a:cxn ang="0">
                  <a:pos x="connsiteX49" y="connsiteY49"/>
                </a:cxn>
                <a:cxn ang="0">
                  <a:pos x="connsiteX50" y="connsiteY50"/>
                </a:cxn>
                <a:cxn ang="0">
                  <a:pos x="connsiteX51" y="connsiteY51"/>
                </a:cxn>
                <a:cxn ang="0">
                  <a:pos x="connsiteX52" y="connsiteY52"/>
                </a:cxn>
                <a:cxn ang="0">
                  <a:pos x="connsiteX53" y="connsiteY53"/>
                </a:cxn>
                <a:cxn ang="0">
                  <a:pos x="connsiteX54" y="connsiteY54"/>
                </a:cxn>
                <a:cxn ang="0">
                  <a:pos x="connsiteX55" y="connsiteY55"/>
                </a:cxn>
                <a:cxn ang="0">
                  <a:pos x="connsiteX56" y="connsiteY56"/>
                </a:cxn>
                <a:cxn ang="0">
                  <a:pos x="connsiteX57" y="connsiteY57"/>
                </a:cxn>
                <a:cxn ang="0">
                  <a:pos x="connsiteX58" y="connsiteY58"/>
                </a:cxn>
                <a:cxn ang="0">
                  <a:pos x="connsiteX59" y="connsiteY59"/>
                </a:cxn>
              </a:cxnLst>
              <a:rect l="l" t="t" r="r" b="b"/>
              <a:pathLst>
                <a:path w="5828574" h="2140494">
                  <a:moveTo>
                    <a:pt x="0" y="2098765"/>
                  </a:moveTo>
                  <a:lnTo>
                    <a:pt x="7620" y="0"/>
                  </a:lnTo>
                  <a:lnTo>
                    <a:pt x="5828574" y="0"/>
                  </a:lnTo>
                  <a:lnTo>
                    <a:pt x="5813334" y="2108563"/>
                  </a:lnTo>
                  <a:lnTo>
                    <a:pt x="5684157" y="2032544"/>
                  </a:lnTo>
                  <a:lnTo>
                    <a:pt x="5606687" y="2140494"/>
                  </a:lnTo>
                  <a:lnTo>
                    <a:pt x="5463177" y="2049961"/>
                  </a:lnTo>
                  <a:lnTo>
                    <a:pt x="5316401" y="2100580"/>
                  </a:lnTo>
                  <a:lnTo>
                    <a:pt x="5154748" y="2041615"/>
                  </a:lnTo>
                  <a:cubicBezTo>
                    <a:pt x="5128441" y="2059758"/>
                    <a:pt x="5056414" y="2056311"/>
                    <a:pt x="5030107" y="2074454"/>
                  </a:cubicBezTo>
                  <a:cubicBezTo>
                    <a:pt x="5045407" y="2093444"/>
                    <a:pt x="5007368" y="2104813"/>
                    <a:pt x="4915988" y="2108563"/>
                  </a:cubicBezTo>
                  <a:lnTo>
                    <a:pt x="4841421" y="2018937"/>
                  </a:lnTo>
                  <a:lnTo>
                    <a:pt x="4779736" y="2091508"/>
                  </a:lnTo>
                  <a:lnTo>
                    <a:pt x="4644571" y="2040708"/>
                  </a:lnTo>
                  <a:lnTo>
                    <a:pt x="4555308" y="2079353"/>
                  </a:lnTo>
                  <a:lnTo>
                    <a:pt x="4405993" y="2043430"/>
                  </a:lnTo>
                  <a:lnTo>
                    <a:pt x="4316186" y="2096044"/>
                  </a:lnTo>
                  <a:lnTo>
                    <a:pt x="4209506" y="2048873"/>
                  </a:lnTo>
                  <a:lnTo>
                    <a:pt x="4099379" y="2028733"/>
                  </a:lnTo>
                  <a:lnTo>
                    <a:pt x="4054021" y="2090601"/>
                  </a:lnTo>
                  <a:lnTo>
                    <a:pt x="3844108" y="2026920"/>
                  </a:lnTo>
                  <a:lnTo>
                    <a:pt x="3780608" y="2085703"/>
                  </a:lnTo>
                  <a:lnTo>
                    <a:pt x="3651613" y="2046151"/>
                  </a:lnTo>
                  <a:lnTo>
                    <a:pt x="3552008" y="2096951"/>
                  </a:lnTo>
                  <a:lnTo>
                    <a:pt x="3401241" y="2061028"/>
                  </a:lnTo>
                  <a:cubicBezTo>
                    <a:pt x="3356186" y="2051957"/>
                    <a:pt x="3360662" y="2092415"/>
                    <a:pt x="3315607" y="2083344"/>
                  </a:cubicBezTo>
                  <a:lnTo>
                    <a:pt x="3164114" y="2011680"/>
                  </a:lnTo>
                  <a:cubicBezTo>
                    <a:pt x="3141889" y="2009563"/>
                    <a:pt x="3169708" y="2081982"/>
                    <a:pt x="3163207" y="2089693"/>
                  </a:cubicBezTo>
                  <a:cubicBezTo>
                    <a:pt x="3156706" y="2097404"/>
                    <a:pt x="3137353" y="2058095"/>
                    <a:pt x="3125107" y="2057944"/>
                  </a:cubicBezTo>
                  <a:lnTo>
                    <a:pt x="3070678" y="2050687"/>
                  </a:lnTo>
                  <a:cubicBezTo>
                    <a:pt x="3049814" y="2060968"/>
                    <a:pt x="3014889" y="2130062"/>
                    <a:pt x="2982686" y="2132330"/>
                  </a:cubicBezTo>
                  <a:cubicBezTo>
                    <a:pt x="2950483" y="2134598"/>
                    <a:pt x="2902857" y="2079564"/>
                    <a:pt x="2877457" y="2064294"/>
                  </a:cubicBezTo>
                  <a:cubicBezTo>
                    <a:pt x="2852057" y="2049024"/>
                    <a:pt x="2839811" y="2030730"/>
                    <a:pt x="2830286" y="2040708"/>
                  </a:cubicBezTo>
                  <a:lnTo>
                    <a:pt x="2801257" y="2098765"/>
                  </a:lnTo>
                  <a:lnTo>
                    <a:pt x="2699657" y="2098765"/>
                  </a:lnTo>
                  <a:lnTo>
                    <a:pt x="2625271" y="2072458"/>
                  </a:lnTo>
                  <a:lnTo>
                    <a:pt x="2554514" y="2040708"/>
                  </a:lnTo>
                  <a:cubicBezTo>
                    <a:pt x="2543628" y="2035870"/>
                    <a:pt x="2520043" y="2088182"/>
                    <a:pt x="2509157" y="2083344"/>
                  </a:cubicBezTo>
                  <a:lnTo>
                    <a:pt x="2393043" y="2080623"/>
                  </a:lnTo>
                  <a:lnTo>
                    <a:pt x="2305050" y="2120537"/>
                  </a:lnTo>
                  <a:lnTo>
                    <a:pt x="2169886" y="2079715"/>
                  </a:lnTo>
                  <a:lnTo>
                    <a:pt x="2012043" y="2095137"/>
                  </a:lnTo>
                  <a:lnTo>
                    <a:pt x="1894114" y="2038894"/>
                  </a:lnTo>
                  <a:lnTo>
                    <a:pt x="1785257" y="2089694"/>
                  </a:lnTo>
                  <a:lnTo>
                    <a:pt x="1654628" y="2084251"/>
                  </a:lnTo>
                  <a:lnTo>
                    <a:pt x="1520371" y="2131423"/>
                  </a:lnTo>
                  <a:lnTo>
                    <a:pt x="1348921" y="2057944"/>
                  </a:lnTo>
                  <a:lnTo>
                    <a:pt x="1245326" y="2107111"/>
                  </a:lnTo>
                  <a:lnTo>
                    <a:pt x="1127578" y="2051594"/>
                  </a:lnTo>
                  <a:lnTo>
                    <a:pt x="1030514" y="2113280"/>
                  </a:lnTo>
                  <a:lnTo>
                    <a:pt x="903514" y="2068830"/>
                  </a:lnTo>
                  <a:lnTo>
                    <a:pt x="760186" y="2078808"/>
                  </a:lnTo>
                  <a:lnTo>
                    <a:pt x="678543" y="2045244"/>
                  </a:lnTo>
                  <a:lnTo>
                    <a:pt x="594178" y="2093323"/>
                  </a:lnTo>
                  <a:lnTo>
                    <a:pt x="493486" y="2098765"/>
                  </a:lnTo>
                  <a:cubicBezTo>
                    <a:pt x="471170" y="2077961"/>
                    <a:pt x="456475" y="2087637"/>
                    <a:pt x="434159" y="2066833"/>
                  </a:cubicBezTo>
                  <a:lnTo>
                    <a:pt x="374831" y="2073728"/>
                  </a:lnTo>
                  <a:cubicBezTo>
                    <a:pt x="355479" y="2068890"/>
                    <a:pt x="353120" y="2109046"/>
                    <a:pt x="307884" y="2107474"/>
                  </a:cubicBezTo>
                  <a:cubicBezTo>
                    <a:pt x="262648" y="2105902"/>
                    <a:pt x="135164" y="2057944"/>
                    <a:pt x="103414" y="2064294"/>
                  </a:cubicBezTo>
                  <a:lnTo>
                    <a:pt x="0" y="2098765"/>
                  </a:lnTo>
                  <a:close/>
                </a:path>
              </a:pathLst>
            </a:custGeom>
            <a:solidFill>
              <a:schemeClr val="bg1"/>
            </a:solidFill>
            <a:ln w="3175">
              <a:solidFill>
                <a:schemeClr val="tx1">
                  <a:lumMod val="50000"/>
                  <a:lumOff val="50000"/>
                </a:schemeClr>
              </a:solidFill>
            </a:ln>
            <a:effectLst>
              <a:outerShdw blurRad="50800" dist="38100" dir="2700000" algn="tl" rotWithShape="0">
                <a:prstClr val="black">
                  <a:alpha val="40000"/>
                </a:prstClr>
              </a:outerShdw>
            </a:effectLst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anchor="ctr"/>
            <a:lstStyle/>
            <a:p>
              <a:pPr algn="ctr">
                <a:defRPr/>
              </a:pPr>
              <a:endParaRPr lang="en-US" dirty="0">
                <a:effectLst>
                  <a:outerShdw blurRad="50800" dist="38100" dir="2700000" algn="tl" rotWithShape="0">
                    <a:prstClr val="black">
                      <a:alpha val="40000"/>
                    </a:prstClr>
                  </a:outerShdw>
                </a:effectLst>
              </a:endParaRPr>
            </a:p>
          </p:txBody>
        </p:sp>
        <p:pic>
          <p:nvPicPr>
            <p:cNvPr id="10256" name="Picture 2"/>
            <p:cNvPicPr>
              <a:picLocks noChangeAspect="1" noChangeArrowheads="1"/>
            </p:cNvPicPr>
            <p:nvPr/>
          </p:nvPicPr>
          <p:blipFill>
            <a:blip r:embed="rId6">
              <a:extLst>
                <a:ext uri="{28A0092B-C50C-407E-A947-70E740481C1C}">
                  <a14:useLocalDpi xmlns:a14="http://schemas.microsoft.com/office/drawing/2010/main" val="0"/>
                </a:ext>
              </a:extLst>
            </a:blip>
            <a:srcRect l="2992" t="5437" r="908" b="24139"/>
            <a:stretch>
              <a:fillRect/>
            </a:stretch>
          </p:blipFill>
          <p:spPr bwMode="auto">
            <a:xfrm>
              <a:off x="1452882" y="1806698"/>
              <a:ext cx="4402137" cy="1340365"/>
            </a:xfrm>
            <a:prstGeom prst="rect">
              <a:avLst/>
            </a:prstGeom>
            <a:noFill/>
            <a:ln>
              <a:noFill/>
            </a:ln>
            <a:extLst>
              <a:ext uri="{909E8E84-426E-40DD-AFC4-6F175D3DCCD1}">
                <a14:hiddenFill xmlns:a14="http://schemas.microsoft.com/office/drawing/2010/main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</a:extLst>
          </p:spPr>
        </p:pic>
        <p:sp>
          <p:nvSpPr>
            <p:cNvPr id="2" name="Rectangle 1"/>
            <p:cNvSpPr/>
            <p:nvPr/>
          </p:nvSpPr>
          <p:spPr>
            <a:xfrm>
              <a:off x="1511544" y="3016152"/>
              <a:ext cx="4284813" cy="184064"/>
            </a:xfrm>
            <a:prstGeom prst="rect">
              <a:avLst/>
            </a:prstGeom>
          </p:spPr>
          <p:txBody>
            <a:bodyPr>
              <a:spAutoFit/>
            </a:bodyPr>
            <a:lstStyle/>
            <a:p>
              <a:pPr algn="ctr">
                <a:defRPr/>
              </a:pPr>
              <a:r>
                <a:rPr lang="en-US" sz="600" dirty="0">
                  <a:solidFill>
                    <a:schemeClr val="bg1">
                      <a:lumMod val="50000"/>
                    </a:schemeClr>
                  </a:solidFill>
                  <a:latin typeface="Arial" panose="020B0604020202020204" pitchFamily="34" charset="0"/>
                </a:rPr>
                <a:t>Source: http://apps.nccd.cdc.gov/s_broker/WEATSQL.exe/weat/freq_year.hsql</a:t>
              </a:r>
            </a:p>
          </p:txBody>
        </p:sp>
      </p:grpSp>
      <p:sp>
        <p:nvSpPr>
          <p:cNvPr id="10254" name="TextBox 3"/>
          <p:cNvSpPr txBox="1">
            <a:spLocks noChangeArrowheads="1"/>
          </p:cNvSpPr>
          <p:nvPr/>
        </p:nvSpPr>
        <p:spPr bwMode="auto">
          <a:xfrm>
            <a:off x="219075" y="1782763"/>
            <a:ext cx="3384550" cy="1570037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  <p:txBody>
          <a:bodyPr>
            <a:spAutoFit/>
          </a:bodyPr>
          <a:lstStyle/>
          <a:p>
            <a:r>
              <a:rPr lang="en-US" altLang="en-US" sz="1600">
                <a:latin typeface="Arial Narrow" panose="020B0606020202030204" pitchFamily="34" charset="0"/>
              </a:rPr>
              <a:t>Every year, the Center for Disease Control (CDC) publishes data comparing diseases and disabilities to relevant risk factors. The given two-way table compares health problems requiring special equipment to average alcoholic drinks per month.</a:t>
            </a:r>
          </a:p>
        </p:txBody>
      </p:sp>
    </p:spTree>
    <p:custDataLst>
      <p:tags r:id="rId1"/>
    </p:custDataLst>
  </p:cSld>
  <p:clrMapOvr>
    <a:masterClrMapping/>
  </p:clrMapOvr>
  <p:transition spd="slow"/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cb30ad8ef350663f9ac2c038734461fce2ada692"/>
  <p:tag name="ISPRING_PLAYERS_CUSTOMIZATION" val="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"/>
  <p:tag name="ISPRING_SCORM_RATE_SLIDES" val="0"/>
  <p:tag name="ISPRING_SCORM_PASSING_SCORE" val="0.000000"/>
  <p:tag name="ISPRING_ULTRA_SCORM_COURSE_ID" val="B7A20E66-39D4-4ED7-9CBF-1998B04CD5E5"/>
  <p:tag name="ISPRINGONLINEFOLDERID" val="52"/>
  <p:tag name="ISPRINGONLINEFOLDERPATH" val="Content List/Lessons/ELA"/>
  <p:tag name="ISPRINGCLOUDFOLDERID" val="0"/>
  <p:tag name="ISPRINGCLOUDFOLDERPATH" val="Repository"/>
  <p:tag name="ISPRING_SCORM_RATE_QUIZZES" val="0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OUTPUT_FOLDER" val="C:\Users\Alex Chavez\Desktop\iSpring Temp"/>
  <p:tag name="ISPRING_PRESENTATION_TITLE" val="Construct &amp; Interpret Two-Way Frequency Tables (HSS.CP.4) [300]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losure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Objective &amp; Prior Knowledge"/>
  <p:tag name="GENSWF_ADVANCE_TIME" val="0.00"/>
  <p:tag name="ISPRING_SLIDE_INDENT_LEVEL" val="0"/>
  <p:tag name="ISPRING_CUSTOM_TIMING_USED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CUSTOM_TIMING_USED" val="0"/>
  <p:tag name="GENSWF_SLIDE_TITLE" val="Clarification &amp; CFU"/>
  <p:tag name="ISPRING_SLIDE_INDENT_LEVEL" val="1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oncept Development"/>
  <p:tag name="GENSWF_ADVANCE_TIME" val="0.00"/>
  <p:tag name="ISPRING_SLIDE_INDENT_LEVEL" val="0"/>
  <p:tag name="ISPRING_CUSTOM_TIMING_USED" val="0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Skill Development/Guided Practice 1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oncept Development"/>
  <p:tag name="GENSWF_ADVANCE_TIME" val="0.00"/>
  <p:tag name="ISPRING_SLIDE_INDENT_LEVEL" val="0"/>
  <p:tag name="ISPRING_CUSTOM_TIMING_USED" val="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Skill Development/Guided Practice 2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CUSTOM_TIMING_USED" val="0"/>
  <p:tag name="GENSWF_SLIDE_TITLE" val="Skill Development/Guided Practice 2 (cont)"/>
  <p:tag name="ISPRING_SLIDE_INDENT_LEVEL" val="1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Relevance"/>
  <p:tag name="GENSWF_ADVANCE_TIME" val="0.00"/>
  <p:tag name="ISPRING_SLIDE_INDENT_LEVEL" val="0"/>
  <p:tag name="ISPRING_CUSTOM_TIMING_USED" val="0"/>
</p:tagLst>
</file>

<file path=ppt/theme/theme1.xml><?xml version="1.0" encoding="utf-8"?>
<a:theme xmlns:a="http://schemas.openxmlformats.org/drawingml/2006/main" name="Office Theme">
  <a:themeElements>
    <a:clrScheme name="Educeri Colors">
      <a:dk1>
        <a:srgbClr val="202020"/>
      </a:dk1>
      <a:lt1>
        <a:srgbClr val="F9F9F9"/>
      </a:lt1>
      <a:dk2>
        <a:srgbClr val="21A8B3"/>
      </a:dk2>
      <a:lt2>
        <a:srgbClr val="B5B5B5"/>
      </a:lt2>
      <a:accent1>
        <a:srgbClr val="2596F1"/>
      </a:accent1>
      <a:accent2>
        <a:srgbClr val="4AAE52"/>
      </a:accent2>
      <a:accent3>
        <a:srgbClr val="F34336"/>
      </a:accent3>
      <a:accent4>
        <a:srgbClr val="FEC018"/>
      </a:accent4>
      <a:accent5>
        <a:srgbClr val="4051B3"/>
      </a:accent5>
      <a:accent6>
        <a:srgbClr val="E91E63"/>
      </a:accent6>
      <a:hlink>
        <a:srgbClr val="27AE60"/>
      </a:hlink>
      <a:folHlink>
        <a:srgbClr val="27AE6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 bwMode="auto">
        <a:noFill/>
        <a:ln>
          <a:noFill/>
        </a:ln>
        <a:effectLst/>
        <a:extLst>
          <a:ext uri="{909E8E84-426E-40DD-AFC4-6F175D3DCCD1}">
            <a14:hiddenFill xmlns:a14="http://schemas.microsoft.com/office/drawing/2010/main">
              <a:solidFill>
                <a:srgbClr val="FFFFFF"/>
              </a:solidFill>
            </a14:hiddenFill>
          </a:ext>
          <a:ext uri="{91240B29-F687-4F45-9708-019B960494DF}">
            <a14:hiddenLine xmlns:a14="http://schemas.microsoft.com/office/drawing/2010/main" w="19050" algn="ctr">
              <a:solidFill>
                <a:srgbClr val="FF0000"/>
              </a:solidFill>
              <a:miter lim="800000"/>
              <a:headEnd/>
              <a:tailEnd/>
            </a14:hiddenLine>
          </a:ext>
          <a:ext uri="{AF507438-7753-43E0-B8FC-AC1667EBCBE1}">
            <a14:hiddenEffects xmlns:a14="http://schemas.microsoft.com/office/drawing/2010/main">
              <a:effectLst>
                <a:outerShdw dist="35921" dir="2700000" algn="ctr" rotWithShape="0">
                  <a:schemeClr val="bg2"/>
                </a:outerShdw>
              </a:effectLst>
            </a14:hiddenEffects>
          </a:ext>
        </a:extLst>
      </a:spPr>
      <a:bodyPr wrap="none" lIns="0" tIns="0" rIns="0" bIns="0">
        <a:spAutoFit/>
      </a:bodyPr>
      <a:lstStyle>
        <a:defPPr defTabSz="914400" fontAlgn="auto">
          <a:spcBef>
            <a:spcPts val="0"/>
          </a:spcBef>
          <a:spcAft>
            <a:spcPts val="0"/>
          </a:spcAft>
          <a:defRPr kern="0" dirty="0">
            <a:latin typeface="Arial" pitchFamily="34" charset="0"/>
            <a:cs typeface="Arial" pitchFamily="34" charset="0"/>
          </a:defRPr>
        </a:defPPr>
      </a:lstStyle>
    </a:spDef>
  </a:objectDefaults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emplate/>
  <TotalTime>9833</TotalTime>
  <Words>1631</Words>
  <Application>Microsoft Office PowerPoint</Application>
  <PresentationFormat>On-screen Show (4:3)</PresentationFormat>
  <Paragraphs>464</Paragraphs>
  <Slides>10</Slides>
  <Notes>10</Notes>
  <HiddenSlides>0</HiddenSlides>
  <MMClips>0</MMClips>
  <ScaleCrop>false</ScaleCrop>
  <HeadingPairs>
    <vt:vector size="6" baseType="variant">
      <vt:variant>
        <vt:lpstr>Fonts Used</vt:lpstr>
      </vt:variant>
      <vt:variant>
        <vt:i4>10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0</vt:i4>
      </vt:variant>
    </vt:vector>
  </HeadingPairs>
  <TitlesOfParts>
    <vt:vector size="21" baseType="lpstr">
      <vt:lpstr>Arial Unicode MS</vt:lpstr>
      <vt:lpstr>Arial</vt:lpstr>
      <vt:lpstr>Century Gothic</vt:lpstr>
      <vt:lpstr>Verdana</vt:lpstr>
      <vt:lpstr>Cambria Math</vt:lpstr>
      <vt:lpstr>Gill Sans MT</vt:lpstr>
      <vt:lpstr>Calibri</vt:lpstr>
      <vt:lpstr>Arial Narrow</vt:lpstr>
      <vt:lpstr>Symbol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Construct &amp; Interpret Two-Way Frequency Tables (HSS.CP.4) [300]</dc:title>
  <dc:creator>Stephen</dc:creator>
  <cp:lastModifiedBy>alexander chavez</cp:lastModifiedBy>
  <cp:revision>404</cp:revision>
  <cp:lastPrinted>2018-08-13T17:25:53Z</cp:lastPrinted>
  <dcterms:created xsi:type="dcterms:W3CDTF">2012-04-12T14:57:33Z</dcterms:created>
  <dcterms:modified xsi:type="dcterms:W3CDTF">2018-08-29T18:42:08Z</dcterms:modified>
</cp:coreProperties>
</file>